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drawings/drawing2.xml" ContentType="application/vnd.openxmlformats-officedocument.drawing+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86\02_group\04_監査グループ\09　指導監査全体\02_提出様式、調書様式\書面監査様式\R5　起案\"/>
    </mc:Choice>
  </mc:AlternateContent>
  <bookViews>
    <workbookView xWindow="0" yWindow="0" windowWidth="17250" windowHeight="5910" tabRatio="900" activeTab="1"/>
  </bookViews>
  <sheets>
    <sheet name="調書（１）" sheetId="1" r:id="rId1"/>
    <sheet name="調書（２）(保育所利用者関係)" sheetId="17" r:id="rId2"/>
    <sheet name="保育関係（利用者処遇）" sheetId="29" r:id="rId3"/>
    <sheet name="クラス編成" sheetId="26" r:id="rId4"/>
    <sheet name="職員の状況" sheetId="30" r:id="rId5"/>
    <sheet name="職員の勤務形態（平日）" sheetId="34" r:id="rId6"/>
    <sheet name="職員の勤務形態（土曜日）" sheetId="38" r:id="rId7"/>
    <sheet name="職員の勤務形態（記載例）" sheetId="33" r:id="rId8"/>
  </sheets>
  <definedNames>
    <definedName name="_xlnm.Print_Area" localSheetId="0">'調書（１）'!$A$1:$I$184</definedName>
    <definedName name="_xlnm.Print_Area" localSheetId="1">'調書（２）(保育所利用者関係)'!$A$1:$I$306</definedName>
    <definedName name="_xlnm.Print_Titles" localSheetId="7">'職員の勤務形態（記載例）'!$1:$4</definedName>
    <definedName name="_xlnm.Print_Titles" localSheetId="6">'職員の勤務形態（土曜日）'!$1:$3</definedName>
    <definedName name="_xlnm.Print_Titles" localSheetId="5">'職員の勤務形態（平日）'!$1:$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67" uniqueCount="505">
  <si>
    <t>根拠
法令等</t>
    <rPh sb="0" eb="2">
      <t>コンキョ</t>
    </rPh>
    <rPh sb="3" eb="5">
      <t>ホウレイ</t>
    </rPh>
    <rPh sb="5" eb="6">
      <t>トウ</t>
    </rPh>
    <phoneticPr fontId="1"/>
  </si>
  <si>
    <t>Ⅰ　施設運営</t>
    <rPh sb="2" eb="4">
      <t>シセツ</t>
    </rPh>
    <rPh sb="4" eb="6">
      <t>ウンエイ</t>
    </rPh>
    <phoneticPr fontId="1"/>
  </si>
  <si>
    <t>１　施設の運営管理体制</t>
    <rPh sb="2" eb="4">
      <t>シセツ</t>
    </rPh>
    <rPh sb="5" eb="7">
      <t>ウンエイ</t>
    </rPh>
    <rPh sb="7" eb="9">
      <t>カンリ</t>
    </rPh>
    <rPh sb="9" eb="11">
      <t>タイセイ</t>
    </rPh>
    <phoneticPr fontId="1"/>
  </si>
  <si>
    <t>①管理規程(施設運営規程等)が整備されているか。</t>
    <rPh sb="1" eb="3">
      <t>カンリ</t>
    </rPh>
    <rPh sb="3" eb="5">
      <t>キテイ</t>
    </rPh>
    <rPh sb="6" eb="8">
      <t>シセツ</t>
    </rPh>
    <rPh sb="8" eb="10">
      <t>ウンエイ</t>
    </rPh>
    <rPh sb="10" eb="12">
      <t>キテイ</t>
    </rPh>
    <rPh sb="12" eb="13">
      <t>トウ</t>
    </rPh>
    <rPh sb="15" eb="17">
      <t>セイビ</t>
    </rPh>
    <phoneticPr fontId="1"/>
  </si>
  <si>
    <t>２　必要な職員の確保</t>
    <rPh sb="2" eb="4">
      <t>ヒツヨウ</t>
    </rPh>
    <rPh sb="5" eb="7">
      <t>ショクイン</t>
    </rPh>
    <rPh sb="8" eb="10">
      <t>カクホ</t>
    </rPh>
    <phoneticPr fontId="1"/>
  </si>
  <si>
    <t>①資格要件を満たした施設長が配置されているか。</t>
    <rPh sb="1" eb="3">
      <t>シカク</t>
    </rPh>
    <rPh sb="3" eb="5">
      <t>ヨウケン</t>
    </rPh>
    <rPh sb="6" eb="7">
      <t>ミ</t>
    </rPh>
    <rPh sb="10" eb="13">
      <t>シセツチョウ</t>
    </rPh>
    <rPh sb="14" eb="16">
      <t>ハイチ</t>
    </rPh>
    <phoneticPr fontId="1"/>
  </si>
  <si>
    <t>②施設長は専任となっているか。</t>
    <rPh sb="1" eb="4">
      <t>シセツチョウ</t>
    </rPh>
    <rPh sb="5" eb="7">
      <t>センニン</t>
    </rPh>
    <phoneticPr fontId="1"/>
  </si>
  <si>
    <t>合　計</t>
    <rPh sb="0" eb="3">
      <t>ゴウケイ</t>
    </rPh>
    <phoneticPr fontId="2"/>
  </si>
  <si>
    <t>　　　　　年　　月　　日</t>
    <rPh sb="5" eb="6">
      <t>ネン</t>
    </rPh>
    <rPh sb="8" eb="9">
      <t>ガツ</t>
    </rPh>
    <rPh sb="11" eb="12">
      <t>ニチ</t>
    </rPh>
    <phoneticPr fontId="1"/>
  </si>
  <si>
    <t>３　施設の安全・衛生</t>
    <rPh sb="2" eb="4">
      <t>シセツ</t>
    </rPh>
    <rPh sb="5" eb="7">
      <t>アンゼン</t>
    </rPh>
    <rPh sb="8" eb="10">
      <t>エイセイ</t>
    </rPh>
    <phoneticPr fontId="1"/>
  </si>
  <si>
    <t>(1)施設設備</t>
    <rPh sb="3" eb="5">
      <t>シセツ</t>
    </rPh>
    <rPh sb="5" eb="7">
      <t>セツビ</t>
    </rPh>
    <phoneticPr fontId="1"/>
  </si>
  <si>
    <t>①施設設備は、基準に適合し、適正に整備されているか。</t>
    <rPh sb="1" eb="3">
      <t>シセツ</t>
    </rPh>
    <rPh sb="3" eb="5">
      <t>セツビ</t>
    </rPh>
    <rPh sb="7" eb="9">
      <t>キジュン</t>
    </rPh>
    <rPh sb="10" eb="12">
      <t>テキゴウ</t>
    </rPh>
    <rPh sb="14" eb="16">
      <t>テキセイ</t>
    </rPh>
    <rPh sb="17" eb="19">
      <t>セイビ</t>
    </rPh>
    <phoneticPr fontId="1"/>
  </si>
  <si>
    <t>(2)安全確保</t>
    <rPh sb="3" eb="5">
      <t>アンゼン</t>
    </rPh>
    <rPh sb="5" eb="7">
      <t>カクホ</t>
    </rPh>
    <phoneticPr fontId="1"/>
  </si>
  <si>
    <t>①施設内外の構造物、設備等の安全確保がなされているか。</t>
    <rPh sb="1" eb="3">
      <t>シセツ</t>
    </rPh>
    <rPh sb="3" eb="4">
      <t>ナイ</t>
    </rPh>
    <rPh sb="4" eb="5">
      <t>ガイ</t>
    </rPh>
    <rPh sb="6" eb="9">
      <t>コウゾウブツ</t>
    </rPh>
    <rPh sb="10" eb="12">
      <t>セツビ</t>
    </rPh>
    <rPh sb="12" eb="13">
      <t>トウ</t>
    </rPh>
    <rPh sb="14" eb="16">
      <t>アンゼン</t>
    </rPh>
    <rPh sb="16" eb="18">
      <t>カクホ</t>
    </rPh>
    <phoneticPr fontId="1"/>
  </si>
  <si>
    <t>(3)水質検査</t>
    <rPh sb="3" eb="5">
      <t>スイシツ</t>
    </rPh>
    <rPh sb="5" eb="7">
      <t>ケンサ</t>
    </rPh>
    <phoneticPr fontId="1"/>
  </si>
  <si>
    <t>４　防火管理</t>
    <rPh sb="2" eb="4">
      <t>ボウカ</t>
    </rPh>
    <rPh sb="4" eb="6">
      <t>カンリ</t>
    </rPh>
    <phoneticPr fontId="1"/>
  </si>
  <si>
    <t>(1)防火管理</t>
    <rPh sb="3" eb="5">
      <t>ボウカ</t>
    </rPh>
    <rPh sb="5" eb="7">
      <t>カンリ</t>
    </rPh>
    <phoneticPr fontId="1"/>
  </si>
  <si>
    <t>①防火管理者を選任しているか。また、消防署に届出を行っているか。</t>
    <rPh sb="1" eb="3">
      <t>ボウカ</t>
    </rPh>
    <rPh sb="3" eb="6">
      <t>カンリシャ</t>
    </rPh>
    <rPh sb="7" eb="9">
      <t>センニン</t>
    </rPh>
    <rPh sb="18" eb="21">
      <t>ショウボウショ</t>
    </rPh>
    <rPh sb="22" eb="24">
      <t>トドケデ</t>
    </rPh>
    <rPh sb="25" eb="26">
      <t>オコナ</t>
    </rPh>
    <phoneticPr fontId="1"/>
  </si>
  <si>
    <t>（ふりがな）</t>
    <phoneticPr fontId="10"/>
  </si>
  <si>
    <t>　施設名</t>
    <rPh sb="1" eb="4">
      <t>シセツメイ</t>
    </rPh>
    <phoneticPr fontId="10"/>
  </si>
  <si>
    <t>　設置主体（経営主体）</t>
    <rPh sb="1" eb="3">
      <t>セッチ</t>
    </rPh>
    <rPh sb="3" eb="5">
      <t>シュタイ</t>
    </rPh>
    <rPh sb="6" eb="8">
      <t>ケイエイ</t>
    </rPh>
    <rPh sb="8" eb="10">
      <t>シュタイ</t>
    </rPh>
    <phoneticPr fontId="10"/>
  </si>
  <si>
    <t>　施設所在地</t>
    <rPh sb="1" eb="3">
      <t>シセツ</t>
    </rPh>
    <rPh sb="3" eb="6">
      <t>ショザイチ</t>
    </rPh>
    <phoneticPr fontId="10"/>
  </si>
  <si>
    <t xml:space="preserve"> 〒</t>
    <phoneticPr fontId="10"/>
  </si>
  <si>
    <t>　電話番号</t>
    <rPh sb="1" eb="5">
      <t>デンワバンゴウ</t>
    </rPh>
    <phoneticPr fontId="10"/>
  </si>
  <si>
    <t>　ＦＡＸ番号</t>
    <rPh sb="4" eb="6">
      <t>バンゴウ</t>
    </rPh>
    <phoneticPr fontId="10"/>
  </si>
  <si>
    <t>ＴＥＬ</t>
    <phoneticPr fontId="10"/>
  </si>
  <si>
    <t>　ＦＡＸ</t>
    <phoneticPr fontId="10"/>
  </si>
  <si>
    <t>　施設設置年月日</t>
    <rPh sb="1" eb="3">
      <t>シセツ</t>
    </rPh>
    <rPh sb="3" eb="5">
      <t>セッチ</t>
    </rPh>
    <rPh sb="5" eb="8">
      <t>ネンガッピ</t>
    </rPh>
    <phoneticPr fontId="10"/>
  </si>
  <si>
    <t>　　年　　月　　日</t>
    <rPh sb="2" eb="9">
      <t>ネンガッピ</t>
    </rPh>
    <phoneticPr fontId="10"/>
  </si>
  <si>
    <t>　事業開始年月日</t>
    <rPh sb="1" eb="3">
      <t>ジギョウ</t>
    </rPh>
    <rPh sb="3" eb="5">
      <t>カイシ</t>
    </rPh>
    <rPh sb="5" eb="8">
      <t>ネンガッピ</t>
    </rPh>
    <phoneticPr fontId="10"/>
  </si>
  <si>
    <t>実施年月日</t>
    <rPh sb="0" eb="2">
      <t>ジッシ</t>
    </rPh>
    <rPh sb="2" eb="5">
      <t>ネンガッピ</t>
    </rPh>
    <phoneticPr fontId="1"/>
  </si>
  <si>
    <t>①感染症やその他の疾病の発生予防に努め、その発生や疑いがある場合には、必要に応じて嘱託医、市町村、保健所等に連絡し、その指示に従うとともに、保護者や全職員に連絡し、予防等について協力を求め、感染症に関する保育所の対応方法等について、あらかじめ関係機関の協力を得ているか。</t>
  </si>
  <si>
    <t>②死亡事故、治療に要する期間が30日以上の負傷・疾病を伴う重篤な事故等（意識不明の事故を含む）が発生した場合には、市町村を通して県、国へ報告しているか。</t>
  </si>
  <si>
    <t>前年度</t>
    <rPh sb="0" eb="3">
      <t>ゼンネンド</t>
    </rPh>
    <phoneticPr fontId="2"/>
  </si>
  <si>
    <t>入所時健康診断</t>
    <rPh sb="0" eb="2">
      <t>ニュウショ</t>
    </rPh>
    <rPh sb="2" eb="3">
      <t>トキ</t>
    </rPh>
    <rPh sb="3" eb="5">
      <t>ケンコウ</t>
    </rPh>
    <rPh sb="5" eb="7">
      <t>シンダン</t>
    </rPh>
    <phoneticPr fontId="2"/>
  </si>
  <si>
    <t>　実施年月日</t>
    <rPh sb="1" eb="3">
      <t>ジッシ</t>
    </rPh>
    <rPh sb="3" eb="6">
      <t>ネンガッピ</t>
    </rPh>
    <phoneticPr fontId="2"/>
  </si>
  <si>
    <t>　入所児童数</t>
    <rPh sb="1" eb="3">
      <t>ニュウショ</t>
    </rPh>
    <rPh sb="3" eb="5">
      <t>ジドウ</t>
    </rPh>
    <rPh sb="5" eb="6">
      <t>スウ</t>
    </rPh>
    <phoneticPr fontId="2"/>
  </si>
  <si>
    <t>新規入所児童数</t>
    <rPh sb="0" eb="2">
      <t>シンキ</t>
    </rPh>
    <rPh sb="2" eb="4">
      <t>ニュウショ</t>
    </rPh>
    <rPh sb="4" eb="6">
      <t>ジドウ</t>
    </rPh>
    <rPh sb="6" eb="7">
      <t>スウ</t>
    </rPh>
    <phoneticPr fontId="2"/>
  </si>
  <si>
    <t>　受診者数</t>
    <rPh sb="1" eb="3">
      <t>ジュシン</t>
    </rPh>
    <rPh sb="3" eb="4">
      <t>シャ</t>
    </rPh>
    <rPh sb="4" eb="5">
      <t>スウ</t>
    </rPh>
    <phoneticPr fontId="2"/>
  </si>
  <si>
    <t>　記録</t>
    <rPh sb="1" eb="3">
      <t>キロク</t>
    </rPh>
    <phoneticPr fontId="2"/>
  </si>
  <si>
    <t>有　・　無</t>
    <rPh sb="0" eb="5">
      <t>ウム</t>
    </rPh>
    <phoneticPr fontId="2"/>
  </si>
  <si>
    <t>　医師の認印</t>
    <rPh sb="1" eb="3">
      <t>イシ</t>
    </rPh>
    <rPh sb="4" eb="6">
      <t>ミトメイン</t>
    </rPh>
    <phoneticPr fontId="2"/>
  </si>
  <si>
    <t>　検査実施機関</t>
    <rPh sb="1" eb="3">
      <t>ケンサ</t>
    </rPh>
    <rPh sb="3" eb="5">
      <t>ジッシ</t>
    </rPh>
    <rPh sb="5" eb="7">
      <t>キカン</t>
    </rPh>
    <phoneticPr fontId="2"/>
  </si>
  <si>
    <t>　チェック表の活用</t>
    <rPh sb="5" eb="6">
      <t>ヒョウ</t>
    </rPh>
    <rPh sb="7" eb="9">
      <t>カツヨウ</t>
    </rPh>
    <phoneticPr fontId="2"/>
  </si>
  <si>
    <t>無</t>
    <rPh sb="0" eb="1">
      <t>ム</t>
    </rPh>
    <phoneticPr fontId="2"/>
  </si>
  <si>
    <t>チェック体制</t>
    <rPh sb="4" eb="6">
      <t>タイセイ</t>
    </rPh>
    <phoneticPr fontId="2"/>
  </si>
  <si>
    <t>チェック項目</t>
    <rPh sb="4" eb="6">
      <t>コウモク</t>
    </rPh>
    <phoneticPr fontId="2"/>
  </si>
  <si>
    <t>（乳幼児突然死症候群の事故防止について配慮している状況について記載）</t>
    <rPh sb="1" eb="4">
      <t>ニュウヨウジ</t>
    </rPh>
    <rPh sb="4" eb="7">
      <t>トツゼンシ</t>
    </rPh>
    <rPh sb="7" eb="10">
      <t>ショウコウグン</t>
    </rPh>
    <rPh sb="11" eb="13">
      <t>ジコ</t>
    </rPh>
    <rPh sb="13" eb="15">
      <t>ボウシ</t>
    </rPh>
    <rPh sb="19" eb="21">
      <t>ハイリョ</t>
    </rPh>
    <rPh sb="25" eb="27">
      <t>ジョウキョウ</t>
    </rPh>
    <rPh sb="31" eb="33">
      <t>キサイ</t>
    </rPh>
    <phoneticPr fontId="2"/>
  </si>
  <si>
    <t>実　　施　　方　　法</t>
    <rPh sb="0" eb="1">
      <t>ミ</t>
    </rPh>
    <rPh sb="3" eb="4">
      <t>ホドコ</t>
    </rPh>
    <rPh sb="6" eb="7">
      <t>カタ</t>
    </rPh>
    <rPh sb="9" eb="10">
      <t>ホウ</t>
    </rPh>
    <phoneticPr fontId="2"/>
  </si>
  <si>
    <t>回数</t>
    <rPh sb="0" eb="2">
      <t>カイスウ</t>
    </rPh>
    <phoneticPr fontId="2"/>
  </si>
  <si>
    <t>記録</t>
    <rPh sb="0" eb="2">
      <t>キロク</t>
    </rPh>
    <phoneticPr fontId="2"/>
  </si>
  <si>
    <t>検食</t>
    <rPh sb="0" eb="2">
      <t>ケンショク</t>
    </rPh>
    <phoneticPr fontId="2"/>
  </si>
  <si>
    <t>有　・　無</t>
    <rPh sb="0" eb="1">
      <t>ユウ</t>
    </rPh>
    <rPh sb="4" eb="5">
      <t>ム</t>
    </rPh>
    <phoneticPr fontId="2"/>
  </si>
  <si>
    <t>未実施</t>
    <rPh sb="0" eb="3">
      <t>ミジッシ</t>
    </rPh>
    <phoneticPr fontId="2"/>
  </si>
  <si>
    <t>　事故が起きた時の家族等への連絡時期　（複数回答可）</t>
    <rPh sb="1" eb="3">
      <t>ジコ</t>
    </rPh>
    <rPh sb="4" eb="5">
      <t>オ</t>
    </rPh>
    <rPh sb="7" eb="8">
      <t>トキ</t>
    </rPh>
    <rPh sb="9" eb="11">
      <t>カゾク</t>
    </rPh>
    <rPh sb="11" eb="12">
      <t>トウ</t>
    </rPh>
    <rPh sb="14" eb="16">
      <t>レンラク</t>
    </rPh>
    <rPh sb="16" eb="18">
      <t>ジキ</t>
    </rPh>
    <rPh sb="20" eb="22">
      <t>フクスウ</t>
    </rPh>
    <rPh sb="22" eb="24">
      <t>カイトウ</t>
    </rPh>
    <rPh sb="24" eb="25">
      <t>カ</t>
    </rPh>
    <phoneticPr fontId="2"/>
  </si>
  <si>
    <t>　　事故直後　　　医療機関受診後　　　降園時　　　その他（　　　　　　　　　　　　　　　　　　　　　　　　）</t>
    <rPh sb="2" eb="4">
      <t>ジコ</t>
    </rPh>
    <rPh sb="4" eb="6">
      <t>チョクゴ</t>
    </rPh>
    <rPh sb="9" eb="11">
      <t>イリョウ</t>
    </rPh>
    <rPh sb="11" eb="13">
      <t>キカン</t>
    </rPh>
    <rPh sb="13" eb="15">
      <t>ジュシン</t>
    </rPh>
    <rPh sb="15" eb="16">
      <t>ゴ</t>
    </rPh>
    <rPh sb="19" eb="20">
      <t>コウウ</t>
    </rPh>
    <rPh sb="20" eb="21">
      <t>エン</t>
    </rPh>
    <rPh sb="21" eb="22">
      <t>ジ</t>
    </rPh>
    <rPh sb="25" eb="28">
      <t>ソノタ</t>
    </rPh>
    <phoneticPr fontId="2"/>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2"/>
  </si>
  <si>
    <t>（具体的に記載…○○会議で検討など）</t>
    <rPh sb="1" eb="4">
      <t>グタイテキ</t>
    </rPh>
    <rPh sb="5" eb="7">
      <t>キサイ</t>
    </rPh>
    <rPh sb="10" eb="12">
      <t>カイギ</t>
    </rPh>
    <rPh sb="13" eb="15">
      <t>ケントウ</t>
    </rPh>
    <phoneticPr fontId="2"/>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2"/>
  </si>
  <si>
    <t>（具体的に記載…ヒヤリ・ハット事例綴り作成など）</t>
    <rPh sb="1" eb="4">
      <t>グタイテキ</t>
    </rPh>
    <rPh sb="5" eb="7">
      <t>キサイ</t>
    </rPh>
    <rPh sb="15" eb="17">
      <t>ジレイ</t>
    </rPh>
    <rPh sb="17" eb="18">
      <t>ツヅ</t>
    </rPh>
    <rPh sb="19" eb="21">
      <t>サクセイ</t>
    </rPh>
    <phoneticPr fontId="2"/>
  </si>
  <si>
    <t>県条例</t>
    <rPh sb="0" eb="1">
      <t>ケン</t>
    </rPh>
    <rPh sb="1" eb="3">
      <t>ジョウレイ</t>
    </rPh>
    <phoneticPr fontId="1"/>
  </si>
  <si>
    <t>安全確保通知</t>
    <rPh sb="0" eb="2">
      <t>アンゼン</t>
    </rPh>
    <rPh sb="2" eb="4">
      <t>カクホ</t>
    </rPh>
    <rPh sb="4" eb="6">
      <t>ツウチ</t>
    </rPh>
    <phoneticPr fontId="1"/>
  </si>
  <si>
    <t>保育所保育指針（H29.3.31厚生労働省告示第117号)</t>
    <rPh sb="0" eb="2">
      <t>ホイク</t>
    </rPh>
    <rPh sb="2" eb="3">
      <t>ジョ</t>
    </rPh>
    <rPh sb="3" eb="5">
      <t>ホイク</t>
    </rPh>
    <rPh sb="5" eb="7">
      <t>シシン</t>
    </rPh>
    <rPh sb="16" eb="18">
      <t>コウセイ</t>
    </rPh>
    <rPh sb="18" eb="21">
      <t>ロウドウショウ</t>
    </rPh>
    <rPh sb="21" eb="23">
      <t>コクジ</t>
    </rPh>
    <rPh sb="23" eb="24">
      <t>ダイ</t>
    </rPh>
    <rPh sb="27" eb="28">
      <t>ゴウ</t>
    </rPh>
    <phoneticPr fontId="1"/>
  </si>
  <si>
    <t>保育指針</t>
    <rPh sb="0" eb="2">
      <t>ホイク</t>
    </rPh>
    <rPh sb="2" eb="4">
      <t>シシン</t>
    </rPh>
    <phoneticPr fontId="1"/>
  </si>
  <si>
    <t>消防法</t>
    <rPh sb="0" eb="3">
      <t>ショウボウホウ</t>
    </rPh>
    <phoneticPr fontId="1"/>
  </si>
  <si>
    <t>消防法施行規則</t>
    <rPh sb="0" eb="3">
      <t>ショウボウホウ</t>
    </rPh>
    <rPh sb="3" eb="5">
      <t>シコウ</t>
    </rPh>
    <rPh sb="5" eb="7">
      <t>キソク</t>
    </rPh>
    <phoneticPr fontId="1"/>
  </si>
  <si>
    <t>消防規則</t>
    <rPh sb="0" eb="2">
      <t>ショウボウ</t>
    </rPh>
    <rPh sb="2" eb="4">
      <t>キソク</t>
    </rPh>
    <phoneticPr fontId="1"/>
  </si>
  <si>
    <t>水防法</t>
    <phoneticPr fontId="1"/>
  </si>
  <si>
    <t>水防法</t>
    <rPh sb="0" eb="2">
      <t>スイボウ</t>
    </rPh>
    <rPh sb="2" eb="3">
      <t>ホウ</t>
    </rPh>
    <phoneticPr fontId="1"/>
  </si>
  <si>
    <t>土砂災害防止法</t>
    <rPh sb="0" eb="2">
      <t>ドシャ</t>
    </rPh>
    <rPh sb="2" eb="4">
      <t>サイガイ</t>
    </rPh>
    <rPh sb="4" eb="6">
      <t>ボウシ</t>
    </rPh>
    <rPh sb="6" eb="7">
      <t>ホウ</t>
    </rPh>
    <phoneticPr fontId="1"/>
  </si>
  <si>
    <t>労働基準法</t>
    <rPh sb="0" eb="2">
      <t>ロウドウ</t>
    </rPh>
    <rPh sb="2" eb="5">
      <t>キジュンホウ</t>
    </rPh>
    <phoneticPr fontId="1"/>
  </si>
  <si>
    <t>労基法</t>
    <rPh sb="0" eb="3">
      <t>ロウキホウ</t>
    </rPh>
    <phoneticPr fontId="1"/>
  </si>
  <si>
    <t>労働安全衛生法</t>
    <rPh sb="0" eb="2">
      <t>ロウドウ</t>
    </rPh>
    <rPh sb="2" eb="4">
      <t>アンゼン</t>
    </rPh>
    <rPh sb="4" eb="7">
      <t>エイセイホウ</t>
    </rPh>
    <phoneticPr fontId="1"/>
  </si>
  <si>
    <t>安衛法</t>
    <rPh sb="0" eb="3">
      <t>アンエイホウ</t>
    </rPh>
    <phoneticPr fontId="1"/>
  </si>
  <si>
    <t>パートタイム・有期雇用労働法</t>
    <rPh sb="7" eb="9">
      <t>ユウキ</t>
    </rPh>
    <rPh sb="9" eb="11">
      <t>コヨウ</t>
    </rPh>
    <rPh sb="11" eb="14">
      <t>ロウドウホウ</t>
    </rPh>
    <phoneticPr fontId="1"/>
  </si>
  <si>
    <t>虐待防止法</t>
    <rPh sb="0" eb="2">
      <t>ギャクタイ</t>
    </rPh>
    <rPh sb="2" eb="5">
      <t>ボウシホウ</t>
    </rPh>
    <phoneticPr fontId="1"/>
  </si>
  <si>
    <t>感染症ガイドライン</t>
    <rPh sb="0" eb="3">
      <t>カンセンショウ</t>
    </rPh>
    <phoneticPr fontId="1"/>
  </si>
  <si>
    <t>監査通知</t>
    <rPh sb="0" eb="2">
      <t>カンサ</t>
    </rPh>
    <rPh sb="2" eb="4">
      <t>ツウチ</t>
    </rPh>
    <phoneticPr fontId="1"/>
  </si>
  <si>
    <t>食事提供通知</t>
    <rPh sb="0" eb="2">
      <t>ショクジ</t>
    </rPh>
    <rPh sb="2" eb="4">
      <t>テイキョウ</t>
    </rPh>
    <rPh sb="4" eb="6">
      <t>ツウチ</t>
    </rPh>
    <phoneticPr fontId="1"/>
  </si>
  <si>
    <t>食品安全確保通知</t>
    <rPh sb="0" eb="2">
      <t>ショクヒン</t>
    </rPh>
    <rPh sb="2" eb="4">
      <t>アンゼン</t>
    </rPh>
    <rPh sb="4" eb="6">
      <t>カクホ</t>
    </rPh>
    <rPh sb="6" eb="8">
      <t>ツウチ</t>
    </rPh>
    <phoneticPr fontId="1"/>
  </si>
  <si>
    <t>保存食通知</t>
    <rPh sb="0" eb="3">
      <t>ホゾンショク</t>
    </rPh>
    <rPh sb="3" eb="5">
      <t>ツウチ</t>
    </rPh>
    <phoneticPr fontId="1"/>
  </si>
  <si>
    <t>調理委託通知</t>
    <rPh sb="0" eb="2">
      <t>チョウリ</t>
    </rPh>
    <rPh sb="2" eb="4">
      <t>イタク</t>
    </rPh>
    <rPh sb="4" eb="6">
      <t>ツウチ</t>
    </rPh>
    <phoneticPr fontId="1"/>
  </si>
  <si>
    <t>事故報告通知</t>
    <rPh sb="0" eb="2">
      <t>ジコ</t>
    </rPh>
    <rPh sb="2" eb="4">
      <t>ホウコク</t>
    </rPh>
    <rPh sb="4" eb="6">
      <t>ツウチ</t>
    </rPh>
    <phoneticPr fontId="1"/>
  </si>
  <si>
    <t>県条例第20条ほか</t>
    <rPh sb="0" eb="1">
      <t>ケン</t>
    </rPh>
    <rPh sb="1" eb="3">
      <t>ジョウレイ</t>
    </rPh>
    <rPh sb="3" eb="4">
      <t>ダイ</t>
    </rPh>
    <rPh sb="6" eb="7">
      <t>ジョウ</t>
    </rPh>
    <phoneticPr fontId="1"/>
  </si>
  <si>
    <t>県条例第12条</t>
    <rPh sb="0" eb="1">
      <t>ケン</t>
    </rPh>
    <rPh sb="1" eb="3">
      <t>ジョウレイ</t>
    </rPh>
    <rPh sb="3" eb="4">
      <t>ダイ</t>
    </rPh>
    <rPh sb="6" eb="7">
      <t>ジョウ</t>
    </rPh>
    <phoneticPr fontId="1"/>
  </si>
  <si>
    <t>水防法第15条の3、土砂災害防止法第8条の2</t>
    <rPh sb="0" eb="2">
      <t>スイボウ</t>
    </rPh>
    <rPh sb="2" eb="3">
      <t>ホウ</t>
    </rPh>
    <rPh sb="3" eb="4">
      <t>ダイ</t>
    </rPh>
    <rPh sb="6" eb="7">
      <t>ジョウ</t>
    </rPh>
    <rPh sb="10" eb="12">
      <t>ドシャ</t>
    </rPh>
    <rPh sb="12" eb="14">
      <t>サイガイ</t>
    </rPh>
    <rPh sb="14" eb="16">
      <t>ボウシ</t>
    </rPh>
    <rPh sb="16" eb="17">
      <t>ホウ</t>
    </rPh>
    <rPh sb="17" eb="18">
      <t>ダイ</t>
    </rPh>
    <rPh sb="19" eb="20">
      <t>ジョウ</t>
    </rPh>
    <phoneticPr fontId="1"/>
  </si>
  <si>
    <t>経理通知</t>
    <rPh sb="0" eb="2">
      <t>ケイリ</t>
    </rPh>
    <rPh sb="2" eb="4">
      <t>ツウチ</t>
    </rPh>
    <phoneticPr fontId="1"/>
  </si>
  <si>
    <t>子ども・子育て支援法附則第6条の規定による私立保育所に対する委託費の経理等について（H27.9.3府子本第254号、雇児発0903第6号)</t>
    <rPh sb="0" eb="1">
      <t>コ</t>
    </rPh>
    <rPh sb="4" eb="6">
      <t>コソダ</t>
    </rPh>
    <rPh sb="7" eb="9">
      <t>シエン</t>
    </rPh>
    <rPh sb="9" eb="10">
      <t>ホウ</t>
    </rPh>
    <rPh sb="10" eb="12">
      <t>フソク</t>
    </rPh>
    <rPh sb="12" eb="13">
      <t>ダイ</t>
    </rPh>
    <rPh sb="14" eb="15">
      <t>ジョウ</t>
    </rPh>
    <rPh sb="16" eb="18">
      <t>キテイ</t>
    </rPh>
    <rPh sb="21" eb="23">
      <t>シリツ</t>
    </rPh>
    <rPh sb="23" eb="25">
      <t>ホイク</t>
    </rPh>
    <rPh sb="25" eb="26">
      <t>ジョ</t>
    </rPh>
    <rPh sb="27" eb="28">
      <t>タイ</t>
    </rPh>
    <rPh sb="30" eb="32">
      <t>イタク</t>
    </rPh>
    <rPh sb="32" eb="33">
      <t>ヒ</t>
    </rPh>
    <rPh sb="34" eb="36">
      <t>ケイリ</t>
    </rPh>
    <rPh sb="36" eb="37">
      <t>トウ</t>
    </rPh>
    <rPh sb="49" eb="50">
      <t>フ</t>
    </rPh>
    <rPh sb="50" eb="51">
      <t>コ</t>
    </rPh>
    <rPh sb="51" eb="52">
      <t>ホン</t>
    </rPh>
    <rPh sb="52" eb="53">
      <t>ダイ</t>
    </rPh>
    <rPh sb="56" eb="57">
      <t>ゴウ</t>
    </rPh>
    <rPh sb="58" eb="59">
      <t>ヤト</t>
    </rPh>
    <rPh sb="59" eb="60">
      <t>ジ</t>
    </rPh>
    <rPh sb="60" eb="61">
      <t>ハツ</t>
    </rPh>
    <rPh sb="65" eb="66">
      <t>ダイ</t>
    </rPh>
    <rPh sb="67" eb="68">
      <t>ゴウ</t>
    </rPh>
    <phoneticPr fontId="1"/>
  </si>
  <si>
    <t>県条例第5条第5項ほか</t>
    <rPh sb="0" eb="1">
      <t>ケン</t>
    </rPh>
    <rPh sb="1" eb="3">
      <t>ジョウレイ</t>
    </rPh>
    <rPh sb="3" eb="4">
      <t>ダイ</t>
    </rPh>
    <rPh sb="5" eb="6">
      <t>ジョウ</t>
    </rPh>
    <rPh sb="6" eb="7">
      <t>ダイ</t>
    </rPh>
    <rPh sb="8" eb="9">
      <t>コウ</t>
    </rPh>
    <phoneticPr fontId="1"/>
  </si>
  <si>
    <t xml:space="preserve">県条例第15条ほか
</t>
    <rPh sb="0" eb="1">
      <t>ケン</t>
    </rPh>
    <rPh sb="1" eb="3">
      <t>ジョウレイ</t>
    </rPh>
    <rPh sb="3" eb="4">
      <t>ダイ</t>
    </rPh>
    <rPh sb="6" eb="7">
      <t>ジョウ</t>
    </rPh>
    <phoneticPr fontId="3"/>
  </si>
  <si>
    <t>県条例第14条
食事提供通知1-（1）</t>
    <rPh sb="0" eb="1">
      <t>ケン</t>
    </rPh>
    <rPh sb="1" eb="3">
      <t>ジョウレイ</t>
    </rPh>
    <rPh sb="3" eb="4">
      <t>ダイ</t>
    </rPh>
    <rPh sb="6" eb="7">
      <t>ジョウ</t>
    </rPh>
    <rPh sb="12" eb="14">
      <t>ツウチ</t>
    </rPh>
    <phoneticPr fontId="3"/>
  </si>
  <si>
    <t>県条例第14条</t>
    <rPh sb="0" eb="1">
      <t>ケン</t>
    </rPh>
    <phoneticPr fontId="1"/>
  </si>
  <si>
    <t>食品安全確保通知</t>
    <rPh sb="0" eb="2">
      <t>ショクヒン</t>
    </rPh>
    <rPh sb="2" eb="4">
      <t>アンゼン</t>
    </rPh>
    <rPh sb="4" eb="6">
      <t>カクホ</t>
    </rPh>
    <rPh sb="6" eb="8">
      <t>ツウチ</t>
    </rPh>
    <phoneticPr fontId="3"/>
  </si>
  <si>
    <t>保存食通知</t>
    <rPh sb="3" eb="5">
      <t>ツウチ</t>
    </rPh>
    <phoneticPr fontId="1"/>
  </si>
  <si>
    <t>事故防止ガイドライン</t>
    <rPh sb="0" eb="2">
      <t>ジコ</t>
    </rPh>
    <rPh sb="2" eb="4">
      <t>ボウシ</t>
    </rPh>
    <phoneticPr fontId="1"/>
  </si>
  <si>
    <t>事故報告通知</t>
    <rPh sb="0" eb="2">
      <t>ジコ</t>
    </rPh>
    <rPh sb="2" eb="4">
      <t>ホウコク</t>
    </rPh>
    <rPh sb="4" eb="6">
      <t>ツウチ</t>
    </rPh>
    <phoneticPr fontId="1"/>
  </si>
  <si>
    <t>クラス名</t>
    <rPh sb="3" eb="4">
      <t>メイ</t>
    </rPh>
    <phoneticPr fontId="2"/>
  </si>
  <si>
    <t>正規
職員数</t>
    <rPh sb="0" eb="2">
      <t>セイキ</t>
    </rPh>
    <rPh sb="3" eb="5">
      <t>ショクイン</t>
    </rPh>
    <rPh sb="5" eb="6">
      <t>スウ</t>
    </rPh>
    <phoneticPr fontId="2"/>
  </si>
  <si>
    <t>臨時
職員数</t>
    <rPh sb="0" eb="2">
      <t>リンジ</t>
    </rPh>
    <rPh sb="3" eb="5">
      <t>ショクイン</t>
    </rPh>
    <rPh sb="5" eb="6">
      <t>スウ</t>
    </rPh>
    <phoneticPr fontId="2"/>
  </si>
  <si>
    <t>職員数
合計</t>
    <rPh sb="0" eb="2">
      <t>ショクイン</t>
    </rPh>
    <rPh sb="2" eb="3">
      <t>スウ</t>
    </rPh>
    <rPh sb="4" eb="6">
      <t>ゴウケイ</t>
    </rPh>
    <phoneticPr fontId="2"/>
  </si>
  <si>
    <t>児童数
合計</t>
    <rPh sb="0" eb="3">
      <t>ジドウスウ</t>
    </rPh>
    <rPh sb="4" eb="6">
      <t>ゴウケイ</t>
    </rPh>
    <phoneticPr fontId="2"/>
  </si>
  <si>
    <t>児童数内訳</t>
    <rPh sb="0" eb="2">
      <t>ジドウ</t>
    </rPh>
    <rPh sb="2" eb="3">
      <t>スウ</t>
    </rPh>
    <rPh sb="3" eb="5">
      <t>ウチワケ</t>
    </rPh>
    <phoneticPr fontId="2"/>
  </si>
  <si>
    <t>０歳</t>
    <rPh sb="1" eb="2">
      <t>サイ</t>
    </rPh>
    <phoneticPr fontId="2"/>
  </si>
  <si>
    <t>１歳</t>
    <rPh sb="1" eb="2">
      <t>サイ</t>
    </rPh>
    <phoneticPr fontId="2"/>
  </si>
  <si>
    <t>２歳</t>
    <rPh sb="1" eb="2">
      <t>サイ</t>
    </rPh>
    <phoneticPr fontId="2"/>
  </si>
  <si>
    <t>３歳</t>
    <rPh sb="1" eb="2">
      <t>サイ</t>
    </rPh>
    <phoneticPr fontId="2"/>
  </si>
  <si>
    <t>４歳</t>
    <rPh sb="1" eb="2">
      <t>サイ</t>
    </rPh>
    <phoneticPr fontId="2"/>
  </si>
  <si>
    <t>５歳</t>
    <rPh sb="1" eb="2">
      <t>サイ</t>
    </rPh>
    <phoneticPr fontId="2"/>
  </si>
  <si>
    <t>６歳</t>
    <rPh sb="1" eb="2">
      <t>サイ</t>
    </rPh>
    <phoneticPr fontId="2"/>
  </si>
  <si>
    <t>名</t>
    <rPh sb="0" eb="1">
      <t>メイ</t>
    </rPh>
    <phoneticPr fontId="2"/>
  </si>
  <si>
    <t>フリー保育士</t>
    <rPh sb="3" eb="6">
      <t>ホイクシ</t>
    </rPh>
    <phoneticPr fontId="2"/>
  </si>
  <si>
    <t>※　保育士配置基準の緩和に伴う教諭等も記入すること。</t>
    <rPh sb="15" eb="18">
      <t>キョウユトウ</t>
    </rPh>
    <phoneticPr fontId="2"/>
  </si>
  <si>
    <t>本年度</t>
    <rPh sb="0" eb="3">
      <t>ホンネンド</t>
    </rPh>
    <phoneticPr fontId="2"/>
  </si>
  <si>
    <t>根拠法令</t>
    <rPh sb="0" eb="2">
      <t>コンキョ</t>
    </rPh>
    <rPh sb="2" eb="4">
      <t>ホウレイ</t>
    </rPh>
    <phoneticPr fontId="1"/>
  </si>
  <si>
    <t>略称</t>
    <rPh sb="0" eb="2">
      <t>リャクショウ</t>
    </rPh>
    <phoneticPr fontId="1"/>
  </si>
  <si>
    <t>　認可定員</t>
    <rPh sb="1" eb="3">
      <t>ニンカ</t>
    </rPh>
    <rPh sb="3" eb="5">
      <t>テイイン</t>
    </rPh>
    <phoneticPr fontId="1"/>
  </si>
  <si>
    <t>人</t>
    <rPh sb="0" eb="1">
      <t>ニン</t>
    </rPh>
    <phoneticPr fontId="1"/>
  </si>
  <si>
    <t>（内訳　２歳未満児
　　　　　２歳児以上</t>
    <rPh sb="16" eb="17">
      <t>サイ</t>
    </rPh>
    <rPh sb="17" eb="18">
      <t>ジ</t>
    </rPh>
    <rPh sb="18" eb="20">
      <t>イジョウ</t>
    </rPh>
    <phoneticPr fontId="1"/>
  </si>
  <si>
    <t>人
人）</t>
    <rPh sb="0" eb="1">
      <t>ニン</t>
    </rPh>
    <rPh sb="2" eb="3">
      <t>ニン</t>
    </rPh>
    <phoneticPr fontId="1"/>
  </si>
  <si>
    <t>　利用定員</t>
    <rPh sb="1" eb="3">
      <t>リヨウ</t>
    </rPh>
    <rPh sb="3" eb="5">
      <t>テイイン</t>
    </rPh>
    <phoneticPr fontId="1"/>
  </si>
  <si>
    <t>（内訳　０～１歳児
　　　　　２歳児
　　　　　３歳児以上</t>
    <rPh sb="16" eb="17">
      <t>サイ</t>
    </rPh>
    <rPh sb="17" eb="18">
      <t>ジ</t>
    </rPh>
    <rPh sb="25" eb="27">
      <t>サイジ</t>
    </rPh>
    <rPh sb="27" eb="29">
      <t>イジョウ</t>
    </rPh>
    <phoneticPr fontId="1"/>
  </si>
  <si>
    <t>人
人
人）</t>
    <rPh sb="0" eb="1">
      <t>ニン</t>
    </rPh>
    <rPh sb="2" eb="3">
      <t>ニン</t>
    </rPh>
    <rPh sb="4" eb="5">
      <t>ニン</t>
    </rPh>
    <phoneticPr fontId="1"/>
  </si>
  <si>
    <t>　氏名　　　　　　　　　　　　　　　　　　　　　　　　　</t>
    <rPh sb="1" eb="3">
      <t>シメイ</t>
    </rPh>
    <phoneticPr fontId="1"/>
  </si>
  <si>
    <t>届出：　有・無</t>
    <phoneticPr fontId="1"/>
  </si>
  <si>
    <t>　施設長の氏名等</t>
    <phoneticPr fontId="1"/>
  </si>
  <si>
    <t>（選任・　兼任）</t>
    <phoneticPr fontId="1"/>
  </si>
  <si>
    <t>　　就任年月日：　　　　　　年　　月　　日　　　　</t>
    <phoneticPr fontId="1"/>
  </si>
  <si>
    <t>児童福祉施設の設備及び運営に関する基準を定める条例</t>
    <phoneticPr fontId="1"/>
  </si>
  <si>
    <t>社会福祉施設における衛生管理について(平9社援施第65号)(別添)大量調理マニュアル</t>
    <phoneticPr fontId="1"/>
  </si>
  <si>
    <t>土砂災害警戒区域等における土砂災害防止対策の推進に関する法律</t>
    <phoneticPr fontId="1"/>
  </si>
  <si>
    <t>児童虐待の防止等に関する法律</t>
    <phoneticPr fontId="1"/>
  </si>
  <si>
    <t>児童福祉行政指導監査の実施について（H12.4児発第471号通知）</t>
    <phoneticPr fontId="1"/>
  </si>
  <si>
    <t>社会福祉施設等における食品の安全確保等について（H20.3,7雇児総0307001号）</t>
    <phoneticPr fontId="1"/>
  </si>
  <si>
    <t>社会福祉施設における保存食の保存期間等について（社援施第117号）</t>
    <phoneticPr fontId="1"/>
  </si>
  <si>
    <t>保育所における感染症対策ガイドライン（H30改訂版）厚生労働省</t>
    <phoneticPr fontId="1"/>
  </si>
  <si>
    <t>保育所における調理業務の委託について（H10.2.18／児発第86号）</t>
    <phoneticPr fontId="1"/>
  </si>
  <si>
    <t>県条例第18条</t>
    <rPh sb="0" eb="1">
      <t>ケン</t>
    </rPh>
    <phoneticPr fontId="1"/>
  </si>
  <si>
    <t>①施設運営に必要な帳簿(諸記録)は整備されているか。</t>
    <phoneticPr fontId="1"/>
  </si>
  <si>
    <t>①福祉サービスに関する苦情解決の仕組みへの取組みが行われているか。</t>
    <phoneticPr fontId="1"/>
  </si>
  <si>
    <t>(1)職員の適正配置</t>
    <phoneticPr fontId="1"/>
  </si>
  <si>
    <t>①職員の配置を適正に行っているか。</t>
    <phoneticPr fontId="1"/>
  </si>
  <si>
    <t>(2)職員の専従</t>
    <phoneticPr fontId="1"/>
  </si>
  <si>
    <t>県条例第8条</t>
    <rPh sb="0" eb="1">
      <t>ケン</t>
    </rPh>
    <rPh sb="1" eb="3">
      <t>ジョウレイ</t>
    </rPh>
    <rPh sb="3" eb="4">
      <t>ダイ</t>
    </rPh>
    <rPh sb="5" eb="6">
      <t>ジョウ</t>
    </rPh>
    <phoneticPr fontId="1"/>
  </si>
  <si>
    <t>①施設職員は専ら当該施設の職務に従事しているか。</t>
    <phoneticPr fontId="1"/>
  </si>
  <si>
    <t>(3)施設長</t>
    <rPh sb="3" eb="6">
      <t>シセツチョウ</t>
    </rPh>
    <phoneticPr fontId="1"/>
  </si>
  <si>
    <t>③施設長は運営管理全般の統括、利用者との連絡調整、地域社会との連携等施設長としての職責を十分果たしているか。</t>
    <phoneticPr fontId="1"/>
  </si>
  <si>
    <t>県条例第34条ほか</t>
    <rPh sb="0" eb="1">
      <t>ケン</t>
    </rPh>
    <rPh sb="1" eb="3">
      <t>ジョウレイ</t>
    </rPh>
    <rPh sb="3" eb="4">
      <t>ダイ</t>
    </rPh>
    <rPh sb="6" eb="7">
      <t>ジョウ</t>
    </rPh>
    <phoneticPr fontId="1"/>
  </si>
  <si>
    <t>①資格を要する職種については、各施設毎の資格要件を満たした職員となっているか。</t>
    <phoneticPr fontId="1"/>
  </si>
  <si>
    <t>安全確保通知</t>
    <rPh sb="0" eb="6">
      <t>アンゼンカクホツウチ</t>
    </rPh>
    <phoneticPr fontId="1"/>
  </si>
  <si>
    <t>④貯水槽の清潔を保持するため、年1回以上清掃しているか。</t>
    <phoneticPr fontId="1"/>
  </si>
  <si>
    <t>⑤有効容量10㎥を超える貯水槽の清潔を保持するため、専門の業者に委託して年1回以上清掃しているか。</t>
    <phoneticPr fontId="1"/>
  </si>
  <si>
    <t>(4)レジオネラ症防止対策</t>
    <phoneticPr fontId="1"/>
  </si>
  <si>
    <t>①循環式浴槽等を使用している場合、レジオネラ症の防止のため浴槽水等の衛生状態の把握とマニュアルに沿った対応がなされているか。</t>
    <phoneticPr fontId="1"/>
  </si>
  <si>
    <t>②消防用設備の定期点検を行っているか。また、消防署に届出を行っているか。</t>
    <rPh sb="1" eb="4">
      <t>ショウボウヨウ</t>
    </rPh>
    <rPh sb="4" eb="6">
      <t>セツビ</t>
    </rPh>
    <rPh sb="7" eb="9">
      <t>テイキ</t>
    </rPh>
    <rPh sb="9" eb="11">
      <t>テンケン</t>
    </rPh>
    <rPh sb="12" eb="13">
      <t>オコナ</t>
    </rPh>
    <rPh sb="22" eb="25">
      <t>ショウボウショ</t>
    </rPh>
    <rPh sb="26" eb="28">
      <t>トドケデ</t>
    </rPh>
    <rPh sb="29" eb="30">
      <t>オコナ</t>
    </rPh>
    <phoneticPr fontId="1"/>
  </si>
  <si>
    <t>③消防計画を作成し、消防署へ届け出ているか。</t>
    <rPh sb="1" eb="3">
      <t>ショウボウ</t>
    </rPh>
    <rPh sb="3" eb="5">
      <t>ケイカク</t>
    </rPh>
    <rPh sb="6" eb="8">
      <t>サクセイ</t>
    </rPh>
    <rPh sb="10" eb="13">
      <t>ショウボウショ</t>
    </rPh>
    <rPh sb="14" eb="15">
      <t>トド</t>
    </rPh>
    <rPh sb="16" eb="17">
      <t>デ</t>
    </rPh>
    <phoneticPr fontId="1"/>
  </si>
  <si>
    <t>⑤非常災害に関する具体的計画を立てているか。</t>
    <rPh sb="1" eb="3">
      <t>ヒジョウ</t>
    </rPh>
    <rPh sb="3" eb="5">
      <t>サイガイ</t>
    </rPh>
    <rPh sb="6" eb="7">
      <t>カン</t>
    </rPh>
    <rPh sb="9" eb="12">
      <t>グタイテキ</t>
    </rPh>
    <rPh sb="12" eb="14">
      <t>ケイカク</t>
    </rPh>
    <rPh sb="15" eb="16">
      <t>タ</t>
    </rPh>
    <phoneticPr fontId="1"/>
  </si>
  <si>
    <t>５　その他</t>
    <rPh sb="4" eb="5">
      <t>タ</t>
    </rPh>
    <phoneticPr fontId="1"/>
  </si>
  <si>
    <t>県条例第19条第1項ほか</t>
    <rPh sb="0" eb="1">
      <t>ケン</t>
    </rPh>
    <phoneticPr fontId="1"/>
  </si>
  <si>
    <t>自己点検</t>
    <rPh sb="0" eb="2">
      <t>ジコ</t>
    </rPh>
    <rPh sb="2" eb="4">
      <t>テンケン</t>
    </rPh>
    <phoneticPr fontId="1"/>
  </si>
  <si>
    <t>質問事項</t>
    <rPh sb="0" eb="2">
      <t>シツモン</t>
    </rPh>
    <rPh sb="2" eb="4">
      <t>ジコウ</t>
    </rPh>
    <phoneticPr fontId="1"/>
  </si>
  <si>
    <t>換気</t>
    <rPh sb="0" eb="2">
      <t>カンキ</t>
    </rPh>
    <phoneticPr fontId="1"/>
  </si>
  <si>
    <t>・</t>
    <phoneticPr fontId="2"/>
  </si>
  <si>
    <t>（</t>
    <phoneticPr fontId="2"/>
  </si>
  <si>
    <t>）</t>
    <phoneticPr fontId="2"/>
  </si>
  <si>
    <t>長期</t>
    <rPh sb="0" eb="2">
      <t>チョウキ</t>
    </rPh>
    <phoneticPr fontId="1"/>
  </si>
  <si>
    <t>短期</t>
    <rPh sb="0" eb="2">
      <t>タンキ</t>
    </rPh>
    <phoneticPr fontId="1"/>
  </si>
  <si>
    <t>①全体的な計画に基づいて、長期的な計画と短期的な計画を作成しているか。</t>
    <phoneticPr fontId="1"/>
  </si>
  <si>
    <t>②保育所は、保育の計画や保育士等の自己評価を踏まえ、保育の内容及び業務の質等の自己評価を行い常にその改善を図っているか。</t>
    <phoneticPr fontId="1"/>
  </si>
  <si>
    <t>①子どもの健康状態並びに発育及び発達状態について、保護者からの情報とともに保育中の状態を把握し、疾病や傷害が認められた場合には保護者への連絡及び嘱託医に相談するなど適切な対応を図っているか。</t>
    <phoneticPr fontId="1"/>
  </si>
  <si>
    <t>②全体的な計画に基づいて、保健計画を作成しているか。</t>
    <phoneticPr fontId="1"/>
  </si>
  <si>
    <t>①保育所における保育は、養護及び教育を一体的に行うことを特性とし、保育所保育指針に基づいているか。</t>
    <phoneticPr fontId="1"/>
  </si>
  <si>
    <t>県条例第18条</t>
    <phoneticPr fontId="1"/>
  </si>
  <si>
    <t>保育の記録等に基づいて就学に際した資料を作成し、保育所児童保育要録の写しを小学校へ送付しているか。</t>
    <phoneticPr fontId="1"/>
  </si>
  <si>
    <t>①全体的な計画に基づいて、食育計画を作成しているか。</t>
    <phoneticPr fontId="1"/>
  </si>
  <si>
    <t>②子どもの栄養状態に応じた給与栄養量が確保できるように献立を作成しているか。</t>
    <phoneticPr fontId="1"/>
  </si>
  <si>
    <t>③個々の発育等の状況に応じて給与栄養量を算出しているか。</t>
    <phoneticPr fontId="1"/>
  </si>
  <si>
    <t>①あらかじめ作成した献立に従って提供しているか。</t>
    <phoneticPr fontId="1"/>
  </si>
  <si>
    <t>①食中毒対策を適切に行っているか。</t>
    <phoneticPr fontId="1"/>
  </si>
  <si>
    <r>
      <t>③調理従事者・調乳担当者の検便は</t>
    </r>
    <r>
      <rPr>
        <sz val="12"/>
        <rFont val="ＭＳ 明朝"/>
        <family val="1"/>
        <charset val="128"/>
      </rPr>
      <t>月1回以上実施されているか。</t>
    </r>
    <rPh sb="1" eb="3">
      <t>チョウリ</t>
    </rPh>
    <rPh sb="16" eb="17">
      <t>ツキ</t>
    </rPh>
    <rPh sb="18" eb="19">
      <t>カイ</t>
    </rPh>
    <rPh sb="19" eb="21">
      <t>イジョウ</t>
    </rPh>
    <phoneticPr fontId="1"/>
  </si>
  <si>
    <t>④給食原材料及び調理済食品(-20度以下2週間以上）を確実に保存しているか。</t>
    <phoneticPr fontId="1"/>
  </si>
  <si>
    <t>⑤給食材料が適切に用意され、保管されているか。</t>
    <phoneticPr fontId="1"/>
  </si>
  <si>
    <t>監査通知</t>
    <rPh sb="0" eb="2">
      <t>カンサ</t>
    </rPh>
    <rPh sb="2" eb="4">
      <t>ツウチ</t>
    </rPh>
    <phoneticPr fontId="1"/>
  </si>
  <si>
    <t>調理業務委託通知</t>
    <rPh sb="0" eb="2">
      <t>チョウリ</t>
    </rPh>
    <rPh sb="2" eb="4">
      <t>ギョウム</t>
    </rPh>
    <rPh sb="4" eb="6">
      <t>イタク</t>
    </rPh>
    <rPh sb="6" eb="8">
      <t>ツウチ</t>
    </rPh>
    <phoneticPr fontId="1"/>
  </si>
  <si>
    <t>①３歳未満児に提供する食事は施設内で調理しているか。</t>
    <phoneticPr fontId="1"/>
  </si>
  <si>
    <t>県条例第45条</t>
    <rPh sb="0" eb="1">
      <t>ケン</t>
    </rPh>
    <rPh sb="1" eb="3">
      <t>ジョウレイ</t>
    </rPh>
    <rPh sb="3" eb="4">
      <t>ダイ</t>
    </rPh>
    <rPh sb="6" eb="7">
      <t>ジョウ</t>
    </rPh>
    <phoneticPr fontId="1"/>
  </si>
  <si>
    <t>①事故やケガ等をした時には、保護者へ連絡し迅速な医療機関への対応が図られているか。</t>
    <phoneticPr fontId="1"/>
  </si>
  <si>
    <t>③苦情を受け付けた場合には、当該苦情の内容等を記録しているか。</t>
    <phoneticPr fontId="1"/>
  </si>
  <si>
    <t>(1)管理規程の整備</t>
    <rPh sb="3" eb="5">
      <t>カンリ</t>
    </rPh>
    <rPh sb="5" eb="7">
      <t>キテイ</t>
    </rPh>
    <rPh sb="8" eb="10">
      <t>セイビ</t>
    </rPh>
    <phoneticPr fontId="1"/>
  </si>
  <si>
    <t>②保育所における開所時間は、１日につき11時間を原則とし、地域における乳幼児の保護者の労働時間その他家庭の状況を考慮して保育所の長が定めているか。</t>
    <phoneticPr fontId="1"/>
  </si>
  <si>
    <t>レジオネラ症防止対策通知</t>
    <rPh sb="5" eb="6">
      <t>ショウ</t>
    </rPh>
    <rPh sb="6" eb="8">
      <t>ボウシ</t>
    </rPh>
    <rPh sb="8" eb="10">
      <t>タイサク</t>
    </rPh>
    <rPh sb="10" eb="12">
      <t>ツウチ</t>
    </rPh>
    <phoneticPr fontId="1"/>
  </si>
  <si>
    <t>④避難訓練及び消火訓練を月1回以上行っているか。</t>
    <rPh sb="1" eb="3">
      <t>ヒナン</t>
    </rPh>
    <rPh sb="3" eb="5">
      <t>クンレン</t>
    </rPh>
    <rPh sb="5" eb="6">
      <t>オヨ</t>
    </rPh>
    <rPh sb="7" eb="9">
      <t>ショウカ</t>
    </rPh>
    <rPh sb="9" eb="11">
      <t>クンレン</t>
    </rPh>
    <rPh sb="12" eb="13">
      <t>ツキ</t>
    </rPh>
    <rPh sb="14" eb="17">
      <t>カイイジョウ</t>
    </rPh>
    <rPh sb="17" eb="18">
      <t>オコナ</t>
    </rPh>
    <phoneticPr fontId="1"/>
  </si>
  <si>
    <t>障害者差別解消法</t>
    <rPh sb="0" eb="3">
      <t>ショウガイシャ</t>
    </rPh>
    <rPh sb="3" eb="5">
      <t>サベツ</t>
    </rPh>
    <rPh sb="5" eb="7">
      <t>カイショウ</t>
    </rPh>
    <rPh sb="7" eb="8">
      <t>ホウ</t>
    </rPh>
    <phoneticPr fontId="1"/>
  </si>
  <si>
    <t>社会福祉施設等におけるレジオネラ症防止対策の徹底について(平15社援基第0725001号)</t>
    <rPh sb="0" eb="2">
      <t>シャカイ</t>
    </rPh>
    <rPh sb="2" eb="4">
      <t>フクシ</t>
    </rPh>
    <rPh sb="4" eb="6">
      <t>シセツ</t>
    </rPh>
    <rPh sb="6" eb="7">
      <t>トウ</t>
    </rPh>
    <rPh sb="16" eb="17">
      <t>ショウ</t>
    </rPh>
    <rPh sb="17" eb="19">
      <t>ボウシ</t>
    </rPh>
    <rPh sb="19" eb="21">
      <t>タイサク</t>
    </rPh>
    <rPh sb="22" eb="24">
      <t>テッテイ</t>
    </rPh>
    <rPh sb="29" eb="30">
      <t>タイラ</t>
    </rPh>
    <rPh sb="32" eb="33">
      <t>シャ</t>
    </rPh>
    <rPh sb="33" eb="34">
      <t>エン</t>
    </rPh>
    <rPh sb="34" eb="35">
      <t>キ</t>
    </rPh>
    <rPh sb="35" eb="36">
      <t>ダイ</t>
    </rPh>
    <rPh sb="43" eb="44">
      <t>ゴウ</t>
    </rPh>
    <phoneticPr fontId="1"/>
  </si>
  <si>
    <t>レジオネラ症防止対策通知</t>
    <rPh sb="5" eb="6">
      <t>ショウ</t>
    </rPh>
    <rPh sb="6" eb="8">
      <t>ボウシ</t>
    </rPh>
    <rPh sb="8" eb="10">
      <t>タイサク</t>
    </rPh>
    <rPh sb="10" eb="12">
      <t>ツウチ</t>
    </rPh>
    <phoneticPr fontId="1"/>
  </si>
  <si>
    <t>最低賃金法</t>
    <rPh sb="0" eb="2">
      <t>サイテイ</t>
    </rPh>
    <rPh sb="2" eb="4">
      <t>チンギン</t>
    </rPh>
    <rPh sb="4" eb="5">
      <t>ホウ</t>
    </rPh>
    <phoneticPr fontId="1"/>
  </si>
  <si>
    <t>最賃法</t>
    <rPh sb="0" eb="1">
      <t>サイ</t>
    </rPh>
    <rPh sb="2" eb="3">
      <t>ホウ</t>
    </rPh>
    <phoneticPr fontId="1"/>
  </si>
  <si>
    <t>経理運用通知</t>
    <rPh sb="0" eb="2">
      <t>ケイリ</t>
    </rPh>
    <rPh sb="2" eb="4">
      <t>ウンヨウ</t>
    </rPh>
    <rPh sb="4" eb="6">
      <t>ツウチ</t>
    </rPh>
    <phoneticPr fontId="1"/>
  </si>
  <si>
    <t>経理取扱通知</t>
    <rPh sb="0" eb="2">
      <t>ケイリ</t>
    </rPh>
    <rPh sb="2" eb="4">
      <t>トリアツカイ</t>
    </rPh>
    <rPh sb="4" eb="6">
      <t>ツウチ</t>
    </rPh>
    <phoneticPr fontId="1"/>
  </si>
  <si>
    <t>「子ども・子育て支援法附則第６条の規定による私立保育所に対する委託費の経理等について」の取扱いについて(H27.9.3府子本第255号雇児保発0903第１ 号)</t>
    <phoneticPr fontId="1"/>
  </si>
  <si>
    <t>「子ども・子育て支援法附則第６条の規定による私立保育所に対する委託費の経理等について」の運用等について(H27.9.3府子本第256号雇児保発0903 第2 号)</t>
    <phoneticPr fontId="1"/>
  </si>
  <si>
    <t>アレルギーガイドライン</t>
    <phoneticPr fontId="1"/>
  </si>
  <si>
    <t>保育指針第1章3(1)</t>
    <phoneticPr fontId="1"/>
  </si>
  <si>
    <t>保育指針第1章3(2)</t>
    <phoneticPr fontId="1"/>
  </si>
  <si>
    <t>保育指針第1章3(4)ア</t>
    <rPh sb="0" eb="2">
      <t>ホイク</t>
    </rPh>
    <rPh sb="2" eb="4">
      <t>シシン</t>
    </rPh>
    <rPh sb="4" eb="5">
      <t>ダイ</t>
    </rPh>
    <rPh sb="6" eb="7">
      <t>ショウ</t>
    </rPh>
    <phoneticPr fontId="1"/>
  </si>
  <si>
    <t>保育指針第3章1(1)ア、イ
第3章1(3)ア</t>
    <phoneticPr fontId="1"/>
  </si>
  <si>
    <t>保育指針第3章1(2)ア</t>
    <phoneticPr fontId="1"/>
  </si>
  <si>
    <t>保育指針第1章1(1)イほか</t>
    <phoneticPr fontId="1"/>
  </si>
  <si>
    <t>保育指針第1章3(3)エ</t>
    <rPh sb="0" eb="2">
      <t>ホイク</t>
    </rPh>
    <rPh sb="2" eb="4">
      <t>シシン</t>
    </rPh>
    <rPh sb="4" eb="5">
      <t>ダイ</t>
    </rPh>
    <rPh sb="6" eb="7">
      <t>ショウ</t>
    </rPh>
    <phoneticPr fontId="1"/>
  </si>
  <si>
    <t>保育所保育指針第3章1(3)イ</t>
    <phoneticPr fontId="1"/>
  </si>
  <si>
    <t>感染症対策ガイドライン</t>
    <phoneticPr fontId="3"/>
  </si>
  <si>
    <t>保育所保育指針第2章4(2)ア、ウ</t>
    <phoneticPr fontId="1"/>
  </si>
  <si>
    <t>保育指針第3章3(2)イ
監査通知別紙1-2(2)第2－(共)(２)</t>
    <rPh sb="0" eb="2">
      <t>ホイク</t>
    </rPh>
    <rPh sb="2" eb="4">
      <t>シシン</t>
    </rPh>
    <rPh sb="4" eb="5">
      <t>ダイ</t>
    </rPh>
    <rPh sb="6" eb="7">
      <t>ショウ</t>
    </rPh>
    <rPh sb="13" eb="15">
      <t>カンサ</t>
    </rPh>
    <rPh sb="15" eb="17">
      <t>ツウチ</t>
    </rPh>
    <rPh sb="17" eb="19">
      <t>ベッシ</t>
    </rPh>
    <rPh sb="25" eb="26">
      <t>ダイ</t>
    </rPh>
    <rPh sb="29" eb="30">
      <t>キョウ</t>
    </rPh>
    <phoneticPr fontId="1"/>
  </si>
  <si>
    <t>保育指針第3章2(1)ウ</t>
    <rPh sb="0" eb="2">
      <t>ホイク</t>
    </rPh>
    <rPh sb="2" eb="4">
      <t>シシン</t>
    </rPh>
    <rPh sb="4" eb="5">
      <t>ダイ</t>
    </rPh>
    <rPh sb="6" eb="7">
      <t>ショウ</t>
    </rPh>
    <phoneticPr fontId="1"/>
  </si>
  <si>
    <t>県条例第14条第2項
食事提供通知1-(1)ほか</t>
    <rPh sb="0" eb="1">
      <t>ケン</t>
    </rPh>
    <rPh sb="15" eb="17">
      <t>ツウチ</t>
    </rPh>
    <phoneticPr fontId="3"/>
  </si>
  <si>
    <t>保育指針第3章3(2)ア</t>
    <phoneticPr fontId="1"/>
  </si>
  <si>
    <t>保育指針第3章3(2)イ</t>
    <rPh sb="0" eb="2">
      <t>ホイク</t>
    </rPh>
    <rPh sb="2" eb="4">
      <t>シシン</t>
    </rPh>
    <rPh sb="4" eb="5">
      <t>ダイ</t>
    </rPh>
    <rPh sb="6" eb="7">
      <t>ショウ</t>
    </rPh>
    <phoneticPr fontId="1"/>
  </si>
  <si>
    <t xml:space="preserve"> 時間（　 　：　　　,      :  　　頃）  担当者（　　　　　　　　　）</t>
    <rPh sb="1" eb="3">
      <t>ジカン</t>
    </rPh>
    <rPh sb="23" eb="24">
      <t>コロ</t>
    </rPh>
    <rPh sb="27" eb="29">
      <t>タントウ</t>
    </rPh>
    <rPh sb="29" eb="30">
      <t>シャ</t>
    </rPh>
    <phoneticPr fontId="2"/>
  </si>
  <si>
    <t>　有（　　　　　分間隔の確認及びチェック表への記載）</t>
    <phoneticPr fontId="2"/>
  </si>
  <si>
    <r>
      <rPr>
        <sz val="8"/>
        <rFont val="ＭＳ Ｐゴシック"/>
        <family val="3"/>
        <charset val="128"/>
      </rPr>
      <t>今年度</t>
    </r>
    <r>
      <rPr>
        <sz val="6"/>
        <rFont val="ＭＳ Ｐゴシック"/>
        <family val="3"/>
        <charset val="128"/>
      </rPr>
      <t>監査資料提出前月の１日現在</t>
    </r>
    <rPh sb="0" eb="3">
      <t>コンネンド</t>
    </rPh>
    <rPh sb="3" eb="5">
      <t>カンサ</t>
    </rPh>
    <rPh sb="5" eb="7">
      <t>シリョウ</t>
    </rPh>
    <rPh sb="7" eb="9">
      <t>テイシュツ</t>
    </rPh>
    <rPh sb="9" eb="11">
      <t>ゼンゲツ</t>
    </rPh>
    <rPh sb="13" eb="14">
      <t>ヒ</t>
    </rPh>
    <rPh sb="14" eb="16">
      <t>ゲンザイ</t>
    </rPh>
    <phoneticPr fontId="2"/>
  </si>
  <si>
    <t>保育指針第2章4(1)オ、県条例第9条</t>
    <rPh sb="0" eb="2">
      <t>ホイク</t>
    </rPh>
    <rPh sb="2" eb="4">
      <t>シシン</t>
    </rPh>
    <rPh sb="4" eb="5">
      <t>ダイ</t>
    </rPh>
    <rPh sb="6" eb="7">
      <t>ショウ</t>
    </rPh>
    <phoneticPr fontId="1"/>
  </si>
  <si>
    <t>(1)全体的な計画の作成</t>
    <phoneticPr fontId="1"/>
  </si>
  <si>
    <t>(2)指導計画の作成</t>
    <phoneticPr fontId="1"/>
  </si>
  <si>
    <t>(3)指導計画に基づく保育の実施</t>
    <rPh sb="8" eb="9">
      <t>モト</t>
    </rPh>
    <rPh sb="11" eb="13">
      <t>ホイク</t>
    </rPh>
    <rPh sb="14" eb="16">
      <t>ジッシ</t>
    </rPh>
    <phoneticPr fontId="1"/>
  </si>
  <si>
    <t>(1)人権に配慮して、利用者に対して平等に接しているか。</t>
    <phoneticPr fontId="1"/>
  </si>
  <si>
    <t>(3)保育の内容は適切か</t>
    <phoneticPr fontId="1"/>
  </si>
  <si>
    <t>(1)個々の児童の状況を把握するものとして児童の保育経過記録と、児童の保育上必要な最低限の家庭の状況を記録した児童票を作成しているか。</t>
    <phoneticPr fontId="1"/>
  </si>
  <si>
    <t>(2)保育の日々の記録として、活動内容やねらい評価など日々の記録を作成しているか。</t>
    <phoneticPr fontId="1"/>
  </si>
  <si>
    <t>(2)疾病等の対応</t>
    <phoneticPr fontId="1"/>
  </si>
  <si>
    <t>(3)小学校との連携</t>
    <phoneticPr fontId="1"/>
  </si>
  <si>
    <t>(1)定期的に午睡中の子どもの状況及び環境を確認し、乳幼児突然死症候群の予防を行っているか。</t>
    <phoneticPr fontId="1"/>
  </si>
  <si>
    <t>(1)食事を提供するときは、施設内で調理する方法により行っているか。</t>
    <phoneticPr fontId="1"/>
  </si>
  <si>
    <t>(2)食育　</t>
    <rPh sb="3" eb="5">
      <t>ショクイク</t>
    </rPh>
    <phoneticPr fontId="1"/>
  </si>
  <si>
    <t>(3)献立に基づく提供</t>
    <phoneticPr fontId="1"/>
  </si>
  <si>
    <t>(4)食中毒対策</t>
    <phoneticPr fontId="1"/>
  </si>
  <si>
    <t>①調理業務の委託を行っている場合は、委託契約の内容に基づいて適切に行われているか。</t>
    <phoneticPr fontId="1"/>
  </si>
  <si>
    <t>(1)安全管理</t>
    <phoneticPr fontId="1"/>
  </si>
  <si>
    <r>
      <t>①保育中の事故防止のために、子どもの心身の状態等を踏まえ、</t>
    </r>
    <r>
      <rPr>
        <sz val="12"/>
        <rFont val="ＭＳ 明朝"/>
        <family val="1"/>
        <charset val="128"/>
      </rPr>
      <t>施設内外の安全対策に努め、事故を未然に防止する取り組みを行っているか。</t>
    </r>
    <rPh sb="29" eb="31">
      <t>シセツ</t>
    </rPh>
    <rPh sb="31" eb="32">
      <t>ナイ</t>
    </rPh>
    <rPh sb="32" eb="33">
      <t>ガイ</t>
    </rPh>
    <phoneticPr fontId="1"/>
  </si>
  <si>
    <t>(2)事故報告</t>
    <rPh sb="3" eb="5">
      <t>ジコ</t>
    </rPh>
    <rPh sb="5" eb="7">
      <t>ホウコク</t>
    </rPh>
    <phoneticPr fontId="1"/>
  </si>
  <si>
    <t>(4)資格を有する職員の配置</t>
    <rPh sb="3" eb="5">
      <t>シカク</t>
    </rPh>
    <rPh sb="6" eb="7">
      <t>ユウ</t>
    </rPh>
    <rPh sb="9" eb="11">
      <t>ショクイン</t>
    </rPh>
    <rPh sb="12" eb="14">
      <t>ハイチ</t>
    </rPh>
    <phoneticPr fontId="1"/>
  </si>
  <si>
    <t>②浴槽水を1週間に1回は完全換水しているか。</t>
    <rPh sb="10" eb="11">
      <t>カイ</t>
    </rPh>
    <phoneticPr fontId="1"/>
  </si>
  <si>
    <t>③連日使用している場合は、浴槽の水質検査を1年に2回以上行っているか。</t>
    <rPh sb="1" eb="3">
      <t>レンジツ</t>
    </rPh>
    <rPh sb="3" eb="5">
      <t>シヨウ</t>
    </rPh>
    <rPh sb="9" eb="11">
      <t>バアイ</t>
    </rPh>
    <phoneticPr fontId="1"/>
  </si>
  <si>
    <t>児童福祉施設等における児童の安全の確保について(平13雇児総発第402号)</t>
    <rPh sb="14" eb="16">
      <t>アンゼン</t>
    </rPh>
    <phoneticPr fontId="1"/>
  </si>
  <si>
    <t>②保育時間中に付加的プログラムとして希望者に提供している有料プログラムについて、保育の計画に位置付け、保育士が同行しているか。また、費用は保護者が保育所に納めているか。</t>
    <rPh sb="28" eb="30">
      <t>ユウリョウ</t>
    </rPh>
    <phoneticPr fontId="1"/>
  </si>
  <si>
    <t>(2)施設運営に必要な帳簿の整備</t>
    <phoneticPr fontId="1"/>
  </si>
  <si>
    <t>(3)苦情解決体制</t>
    <rPh sb="3" eb="5">
      <t>クジョウ</t>
    </rPh>
    <rPh sb="5" eb="7">
      <t>カイケツ</t>
    </rPh>
    <rPh sb="7" eb="9">
      <t>タイセイ</t>
    </rPh>
    <phoneticPr fontId="1"/>
  </si>
  <si>
    <t>⑤保育所は、日々保護者の委託を受けて保育を必要とする児童を保育することを目的とする施設であり、正当な理由がなく休所又は一部休所していないか。</t>
    <rPh sb="1" eb="3">
      <t>ホイク</t>
    </rPh>
    <rPh sb="3" eb="4">
      <t>ジョ</t>
    </rPh>
    <rPh sb="6" eb="8">
      <t>ヒビ</t>
    </rPh>
    <rPh sb="8" eb="11">
      <t>ホゴシャ</t>
    </rPh>
    <rPh sb="12" eb="14">
      <t>イタク</t>
    </rPh>
    <rPh sb="15" eb="16">
      <t>ウ</t>
    </rPh>
    <rPh sb="18" eb="20">
      <t>ホイク</t>
    </rPh>
    <rPh sb="21" eb="23">
      <t>ヒツヨウ</t>
    </rPh>
    <rPh sb="26" eb="28">
      <t>ジドウ</t>
    </rPh>
    <rPh sb="29" eb="31">
      <t>ホイク</t>
    </rPh>
    <rPh sb="36" eb="38">
      <t>モクテキ</t>
    </rPh>
    <rPh sb="41" eb="43">
      <t>シセツ</t>
    </rPh>
    <rPh sb="47" eb="49">
      <t>セイトウ</t>
    </rPh>
    <rPh sb="50" eb="52">
      <t>リユウ</t>
    </rPh>
    <rPh sb="55" eb="57">
      <t>キュウショ</t>
    </rPh>
    <rPh sb="57" eb="58">
      <t>マタ</t>
    </rPh>
    <rPh sb="59" eb="61">
      <t>イチブ</t>
    </rPh>
    <rPh sb="61" eb="63">
      <t>キュウショ</t>
    </rPh>
    <phoneticPr fontId="1"/>
  </si>
  <si>
    <t>虐待防止法第5条
保育指針第3章1(1)ウ
保育指針第4章2(3)イ</t>
    <rPh sb="0" eb="2">
      <t>ギャクタイ</t>
    </rPh>
    <rPh sb="2" eb="4">
      <t>ボウシ</t>
    </rPh>
    <rPh sb="4" eb="5">
      <t>ホウ</t>
    </rPh>
    <rPh sb="5" eb="6">
      <t>ダイ</t>
    </rPh>
    <rPh sb="7" eb="8">
      <t>ジョウ</t>
    </rPh>
    <rPh sb="9" eb="11">
      <t>ホイク</t>
    </rPh>
    <rPh sb="11" eb="13">
      <t>シシン</t>
    </rPh>
    <rPh sb="13" eb="14">
      <t>ダイ</t>
    </rPh>
    <rPh sb="15" eb="16">
      <t>ショウ</t>
    </rPh>
    <rPh sb="22" eb="24">
      <t>ホイク</t>
    </rPh>
    <rPh sb="24" eb="26">
      <t>シシン</t>
    </rPh>
    <rPh sb="26" eb="27">
      <t>ダイ</t>
    </rPh>
    <rPh sb="28" eb="29">
      <t>ショウ</t>
    </rPh>
    <phoneticPr fontId="1"/>
  </si>
  <si>
    <t>Ⅳ　保育所利用者関係</t>
    <rPh sb="2" eb="4">
      <t>ホイク</t>
    </rPh>
    <rPh sb="4" eb="5">
      <t>ジョ</t>
    </rPh>
    <rPh sb="8" eb="10">
      <t>カンケイ</t>
    </rPh>
    <phoneticPr fontId="1"/>
  </si>
  <si>
    <t>(1)開所・開所時間、保育時間、開設日数</t>
    <rPh sb="3" eb="5">
      <t>カイショ</t>
    </rPh>
    <rPh sb="6" eb="8">
      <t>カイショ</t>
    </rPh>
    <rPh sb="8" eb="10">
      <t>ジカン</t>
    </rPh>
    <rPh sb="11" eb="13">
      <t>ホイク</t>
    </rPh>
    <rPh sb="13" eb="15">
      <t>ジカン</t>
    </rPh>
    <rPh sb="16" eb="18">
      <t>カイセツ</t>
    </rPh>
    <rPh sb="18" eb="20">
      <t>ニッスウ</t>
    </rPh>
    <phoneticPr fontId="1"/>
  </si>
  <si>
    <t>１保育所全体の運営</t>
    <rPh sb="1" eb="3">
      <t>ホイク</t>
    </rPh>
    <rPh sb="3" eb="4">
      <t>ジョ</t>
    </rPh>
    <rPh sb="4" eb="6">
      <t>ゼンタイ</t>
    </rPh>
    <rPh sb="7" eb="9">
      <t>ウンエイ</t>
    </rPh>
    <phoneticPr fontId="1"/>
  </si>
  <si>
    <t>２ 利用者処遇の計画</t>
    <phoneticPr fontId="1"/>
  </si>
  <si>
    <t>３ 入所児童の発達に応じた適切な保育</t>
    <phoneticPr fontId="1"/>
  </si>
  <si>
    <t>４ 適切な記録</t>
    <phoneticPr fontId="1"/>
  </si>
  <si>
    <t>５ 関係機関との連携</t>
    <phoneticPr fontId="1"/>
  </si>
  <si>
    <t>６ 健康診断</t>
    <rPh sb="2" eb="4">
      <t>ケンコウ</t>
    </rPh>
    <rPh sb="4" eb="6">
      <t>シンダン</t>
    </rPh>
    <phoneticPr fontId="1"/>
  </si>
  <si>
    <t>７ 乳幼児突然死症候群の事故防止に配慮</t>
    <rPh sb="2" eb="5">
      <t>ニュウヨウジ</t>
    </rPh>
    <rPh sb="5" eb="8">
      <t>トツゼンシ</t>
    </rPh>
    <rPh sb="8" eb="11">
      <t>ショウコウグン</t>
    </rPh>
    <rPh sb="12" eb="14">
      <t>ジコ</t>
    </rPh>
    <rPh sb="14" eb="16">
      <t>ボウシ</t>
    </rPh>
    <rPh sb="17" eb="19">
      <t>ハイリョ</t>
    </rPh>
    <phoneticPr fontId="1"/>
  </si>
  <si>
    <t>８ 適切な食事</t>
    <rPh sb="2" eb="4">
      <t>テキセツ</t>
    </rPh>
    <rPh sb="5" eb="7">
      <t>ショクジ</t>
    </rPh>
    <phoneticPr fontId="1"/>
  </si>
  <si>
    <t>９　事故未然防止の取組</t>
    <phoneticPr fontId="1"/>
  </si>
  <si>
    <t>衛生的な環境</t>
    <rPh sb="0" eb="3">
      <t>エイセイテキ</t>
    </rPh>
    <rPh sb="4" eb="6">
      <t>カンキョウ</t>
    </rPh>
    <phoneticPr fontId="1"/>
  </si>
  <si>
    <t>温度</t>
    <rPh sb="0" eb="2">
      <t>オンド</t>
    </rPh>
    <phoneticPr fontId="1"/>
  </si>
  <si>
    <t>湿度</t>
    <rPh sb="0" eb="2">
      <t>シツド</t>
    </rPh>
    <phoneticPr fontId="1"/>
  </si>
  <si>
    <t>採光</t>
    <rPh sb="0" eb="2">
      <t>サイコウ</t>
    </rPh>
    <phoneticPr fontId="1"/>
  </si>
  <si>
    <t>10　入所者(利用者)の生活環境等</t>
    <rPh sb="3" eb="6">
      <t>ニュウショシャ</t>
    </rPh>
    <rPh sb="7" eb="10">
      <t>リヨウシャ</t>
    </rPh>
    <rPh sb="12" eb="14">
      <t>セイカツ</t>
    </rPh>
    <rPh sb="14" eb="16">
      <t>カンキョウ</t>
    </rPh>
    <rPh sb="16" eb="17">
      <t>トウ</t>
    </rPh>
    <phoneticPr fontId="1"/>
  </si>
  <si>
    <t>(1)設備</t>
    <rPh sb="3" eb="5">
      <t>セツビ</t>
    </rPh>
    <phoneticPr fontId="1"/>
  </si>
  <si>
    <t>11　職員配置、定員について</t>
    <rPh sb="3" eb="5">
      <t>ショクイン</t>
    </rPh>
    <rPh sb="5" eb="7">
      <t>ハイチ</t>
    </rPh>
    <rPh sb="8" eb="10">
      <t>テイイン</t>
    </rPh>
    <phoneticPr fontId="1"/>
  </si>
  <si>
    <t>(1)適切な職員配置</t>
    <rPh sb="3" eb="5">
      <t>テキセツ</t>
    </rPh>
    <rPh sb="6" eb="8">
      <t>ショクイン</t>
    </rPh>
    <rPh sb="8" eb="10">
      <t>ハイチ</t>
    </rPh>
    <phoneticPr fontId="1"/>
  </si>
  <si>
    <t>県条例第27条、46条、57条、64条ほか</t>
    <rPh sb="0" eb="1">
      <t>ケン</t>
    </rPh>
    <rPh sb="6" eb="7">
      <t>ジョウ</t>
    </rPh>
    <rPh sb="14" eb="15">
      <t>ジョウ</t>
    </rPh>
    <rPh sb="18" eb="19">
      <t>ジョウ</t>
    </rPh>
    <phoneticPr fontId="1"/>
  </si>
  <si>
    <t>②子どもに身体的な苦痛を与え、人格を辱めることがないようにしているか。</t>
    <phoneticPr fontId="1"/>
  </si>
  <si>
    <t>③保育士が複数配置されているか。</t>
    <phoneticPr fontId="1"/>
  </si>
  <si>
    <t>②上記で不適とされた場合、直ちに保健所長の指示を受け、適切な措置を講じているか。</t>
    <rPh sb="1" eb="3">
      <t>ジョウキ</t>
    </rPh>
    <rPh sb="4" eb="6">
      <t>フテキ</t>
    </rPh>
    <rPh sb="10" eb="12">
      <t>バアイ</t>
    </rPh>
    <rPh sb="13" eb="14">
      <t>タダ</t>
    </rPh>
    <rPh sb="16" eb="19">
      <t>ホケンショ</t>
    </rPh>
    <rPh sb="19" eb="20">
      <t>チョウ</t>
    </rPh>
    <rPh sb="21" eb="23">
      <t>シジ</t>
    </rPh>
    <rPh sb="24" eb="25">
      <t>ウ</t>
    </rPh>
    <rPh sb="27" eb="29">
      <t>テキセツ</t>
    </rPh>
    <rPh sb="30" eb="32">
      <t>ソチ</t>
    </rPh>
    <rPh sb="33" eb="34">
      <t>コウ</t>
    </rPh>
    <phoneticPr fontId="1"/>
  </si>
  <si>
    <t>消防法第3条の2、第8条ほか</t>
    <rPh sb="0" eb="3">
      <t>ショウボウホウ</t>
    </rPh>
    <rPh sb="3" eb="4">
      <t>ダイ</t>
    </rPh>
    <rPh sb="5" eb="6">
      <t>ジョウ</t>
    </rPh>
    <rPh sb="9" eb="10">
      <t>ダイ</t>
    </rPh>
    <rPh sb="11" eb="12">
      <t>ジョウ</t>
    </rPh>
    <phoneticPr fontId="1"/>
  </si>
  <si>
    <t>保育指針第1章1(5)ｱ、県条例第10条</t>
    <rPh sb="0" eb="2">
      <t>ホイク</t>
    </rPh>
    <rPh sb="2" eb="4">
      <t>シシン</t>
    </rPh>
    <rPh sb="4" eb="5">
      <t>ダイ</t>
    </rPh>
    <rPh sb="6" eb="7">
      <t>ショウ</t>
    </rPh>
    <phoneticPr fontId="1"/>
  </si>
  <si>
    <t>②事故防止の取り組みを行う際には、特に、睡眠中、プール活動・水遊び中、食事中等の場面では重大事故が発生しやすいことを踏まえ、子どもの主体的な活動を大切にしつつ、施設内外の環境の配慮や指導の工夫を行うなど、必要な対策を講じているか。</t>
    <phoneticPr fontId="1"/>
  </si>
  <si>
    <t>②食事の提供前に検食を実施し、異味、異臭その他の異常が感じられる場合には、直ちに食事の提供を中止する措置を講じているか。</t>
    <phoneticPr fontId="1"/>
  </si>
  <si>
    <t>県条例第6条、46条</t>
    <rPh sb="0" eb="1">
      <t>ケン</t>
    </rPh>
    <phoneticPr fontId="1"/>
  </si>
  <si>
    <t>監査通知ほか</t>
    <rPh sb="0" eb="2">
      <t>カンサ</t>
    </rPh>
    <rPh sb="2" eb="4">
      <t>ツウチ</t>
    </rPh>
    <phoneticPr fontId="1"/>
  </si>
  <si>
    <t>②保育士とみなす職員(幼稚園教諭、小学校教諭、養護教諭)が、各時間帯で1/3を超えて配置されていないか。</t>
    <rPh sb="1" eb="4">
      <t>ホイクシ</t>
    </rPh>
    <rPh sb="8" eb="10">
      <t>ショクイン</t>
    </rPh>
    <rPh sb="11" eb="14">
      <t>ヨウチエン</t>
    </rPh>
    <rPh sb="14" eb="16">
      <t>キョウユ</t>
    </rPh>
    <rPh sb="17" eb="20">
      <t>ショウガッコウ</t>
    </rPh>
    <rPh sb="20" eb="22">
      <t>キョウユ</t>
    </rPh>
    <rPh sb="23" eb="25">
      <t>ヨウゴ</t>
    </rPh>
    <rPh sb="25" eb="27">
      <t>キョウユ</t>
    </rPh>
    <rPh sb="30" eb="34">
      <t>カクジカンタイ</t>
    </rPh>
    <rPh sb="39" eb="40">
      <t>コ</t>
    </rPh>
    <rPh sb="42" eb="44">
      <t>ハイチ</t>
    </rPh>
    <phoneticPr fontId="1"/>
  </si>
  <si>
    <t>④朝夕等児童が少数となる場合の緩和措置(1名を家庭的保育者又は子育て支援員とすることができる)を適用している場合、必ず1名は保育士が勤務しているか。</t>
    <rPh sb="48" eb="50">
      <t>テキヨウ</t>
    </rPh>
    <rPh sb="54" eb="56">
      <t>バアイ</t>
    </rPh>
    <rPh sb="57" eb="58">
      <t>カナラ</t>
    </rPh>
    <rPh sb="60" eb="61">
      <t>メイ</t>
    </rPh>
    <phoneticPr fontId="1"/>
  </si>
  <si>
    <t>県条例第47条ほか</t>
    <rPh sb="0" eb="1">
      <t>ケン</t>
    </rPh>
    <rPh sb="1" eb="3">
      <t>ジョウレイ</t>
    </rPh>
    <rPh sb="3" eb="4">
      <t>ダイ</t>
    </rPh>
    <rPh sb="6" eb="7">
      <t>ジョウ</t>
    </rPh>
    <phoneticPr fontId="1"/>
  </si>
  <si>
    <t>保育指針第1章1(1)イ、第2章ほか</t>
    <rPh sb="13" eb="14">
      <t>ダイ</t>
    </rPh>
    <rPh sb="15" eb="16">
      <t>ショウ</t>
    </rPh>
    <phoneticPr fontId="1"/>
  </si>
  <si>
    <t>(1)虐待（養育の放棄・怠慢を含む）を受けていると疑われるときは、関係機関（児童相談所、市町村、保健福祉事務所等）へ通告し、連携を取って、適切な対応を図っているか。</t>
    <rPh sb="25" eb="26">
      <t>ウタガ</t>
    </rPh>
    <phoneticPr fontId="1"/>
  </si>
  <si>
    <t>(5)調理の業務委託（該当する場合、記入)</t>
    <rPh sb="11" eb="13">
      <t>ガイトウ</t>
    </rPh>
    <rPh sb="15" eb="17">
      <t>バアイ</t>
    </rPh>
    <rPh sb="18" eb="20">
      <t>キニュウ</t>
    </rPh>
    <phoneticPr fontId="1"/>
  </si>
  <si>
    <t>(6)食事の外部搬入（該当する場合、記入)</t>
    <rPh sb="11" eb="13">
      <t>ガイトウ</t>
    </rPh>
    <rPh sb="15" eb="17">
      <t>バアイ</t>
    </rPh>
    <rPh sb="18" eb="20">
      <t>キニュウ</t>
    </rPh>
    <phoneticPr fontId="1"/>
  </si>
  <si>
    <t>県条例第5条ほか</t>
    <rPh sb="0" eb="1">
      <t>ケン</t>
    </rPh>
    <phoneticPr fontId="1"/>
  </si>
  <si>
    <t>【利用者処遇】</t>
    <rPh sb="1" eb="4">
      <t>リヨウシャ</t>
    </rPh>
    <rPh sb="4" eb="6">
      <t>ショグウ</t>
    </rPh>
    <phoneticPr fontId="2"/>
  </si>
  <si>
    <t>県条例第17条第2項ほか</t>
    <rPh sb="0" eb="1">
      <t>ケン</t>
    </rPh>
    <rPh sb="1" eb="3">
      <t>ジョウレイ</t>
    </rPh>
    <rPh sb="3" eb="4">
      <t>ダイ</t>
    </rPh>
    <rPh sb="6" eb="7">
      <t>ジョウ</t>
    </rPh>
    <rPh sb="7" eb="8">
      <t>ダイ</t>
    </rPh>
    <rPh sb="9" eb="10">
      <t>コウ</t>
    </rPh>
    <phoneticPr fontId="1"/>
  </si>
  <si>
    <t>①保育所における保育時間は、1日につき８時間を原則とし、”入所している乳幼児の”保護者の労働時間その他家庭の状況を考慮して保育所の長が定めているか。</t>
    <rPh sb="29" eb="31">
      <t>ニュウショ</t>
    </rPh>
    <rPh sb="35" eb="38">
      <t>ニュウヨウジ</t>
    </rPh>
    <phoneticPr fontId="1"/>
  </si>
  <si>
    <t>③市町村との委託契約に反し、入所児童の年齢制限を行っていないか。</t>
    <rPh sb="1" eb="2">
      <t>シ</t>
    </rPh>
    <rPh sb="11" eb="12">
      <t>ハン</t>
    </rPh>
    <rPh sb="21" eb="23">
      <t>セイゲン</t>
    </rPh>
    <rPh sb="24" eb="25">
      <t>オコナ</t>
    </rPh>
    <phoneticPr fontId="1"/>
  </si>
  <si>
    <t>　仰向け　・　顔色　・　呼吸　・部屋の明るさ　・その他（　　　　　　　　　　　　　）</t>
    <rPh sb="1" eb="3">
      <t>アオム</t>
    </rPh>
    <rPh sb="7" eb="9">
      <t>カオイロ</t>
    </rPh>
    <rPh sb="12" eb="14">
      <t>コキュウ</t>
    </rPh>
    <rPh sb="16" eb="18">
      <t>ヘヤ</t>
    </rPh>
    <rPh sb="19" eb="20">
      <t>アカ</t>
    </rPh>
    <rPh sb="26" eb="27">
      <t>タ</t>
    </rPh>
    <phoneticPr fontId="2"/>
  </si>
  <si>
    <t>県条例第7条第2項</t>
    <rPh sb="0" eb="1">
      <t>ケン</t>
    </rPh>
    <rPh sb="1" eb="3">
      <t>ジョウレイ</t>
    </rPh>
    <rPh sb="3" eb="4">
      <t>ダイ</t>
    </rPh>
    <rPh sb="5" eb="6">
      <t>ジョウ</t>
    </rPh>
    <rPh sb="6" eb="7">
      <t>ダイ</t>
    </rPh>
    <rPh sb="8" eb="9">
      <t>コウ</t>
    </rPh>
    <phoneticPr fontId="1"/>
  </si>
  <si>
    <t>県児童死亡事案検証報告書</t>
    <rPh sb="0" eb="1">
      <t>ケン</t>
    </rPh>
    <rPh sb="1" eb="3">
      <t>ジドウ</t>
    </rPh>
    <rPh sb="3" eb="5">
      <t>シボウ</t>
    </rPh>
    <rPh sb="5" eb="7">
      <t>ジアン</t>
    </rPh>
    <rPh sb="7" eb="9">
      <t>ケンショウ</t>
    </rPh>
    <rPh sb="9" eb="12">
      <t>ホウコクショ</t>
    </rPh>
    <phoneticPr fontId="1"/>
  </si>
  <si>
    <t>保育指針第３章３(2)イほか</t>
    <phoneticPr fontId="3"/>
  </si>
  <si>
    <t>②施設長の責任の下、全職員が子どもの健康及び安全に関する共通認識を深め、アレルギ－対応に組織的に取り組むんでいるか。</t>
    <phoneticPr fontId="1"/>
  </si>
  <si>
    <t>②調理業務の委託を行う施設にあっては、保育所や保健所・市町村等の栄養士により献立等について栄養面での指導を受けられるような体制にあるなど栄養士による必要な配慮がなされているか。</t>
    <phoneticPr fontId="1"/>
  </si>
  <si>
    <t>大量調理マニュアル</t>
    <rPh sb="0" eb="2">
      <t>タイリョウ</t>
    </rPh>
    <rPh sb="2" eb="4">
      <t>チョウリ</t>
    </rPh>
    <phoneticPr fontId="1"/>
  </si>
  <si>
    <t>短時間労働者及び有期雇用労働者の雇用管理の改善等に関する法律</t>
    <rPh sb="6" eb="7">
      <t>オヨ</t>
    </rPh>
    <rPh sb="8" eb="15">
      <t>ユウキコヨウロウドウシャ</t>
    </rPh>
    <phoneticPr fontId="1"/>
  </si>
  <si>
    <t>障害を理由とする差別の解消の推進に関する法律</t>
    <rPh sb="0" eb="2">
      <t>ショウガイ</t>
    </rPh>
    <rPh sb="3" eb="5">
      <t>リユウ</t>
    </rPh>
    <rPh sb="8" eb="10">
      <t>サベツ</t>
    </rPh>
    <rPh sb="11" eb="13">
      <t>カイショウ</t>
    </rPh>
    <rPh sb="14" eb="16">
      <t>スイシン</t>
    </rPh>
    <rPh sb="17" eb="18">
      <t>カン</t>
    </rPh>
    <rPh sb="20" eb="22">
      <t>ホウリツ</t>
    </rPh>
    <phoneticPr fontId="1"/>
  </si>
  <si>
    <t>保育所におけるアレルギー対応ガイドライン(2019年改訂版)</t>
    <rPh sb="0" eb="2">
      <t>ホイク</t>
    </rPh>
    <rPh sb="2" eb="3">
      <t>ジョ</t>
    </rPh>
    <rPh sb="12" eb="14">
      <t>タイオウ</t>
    </rPh>
    <rPh sb="25" eb="26">
      <t>ネン</t>
    </rPh>
    <rPh sb="26" eb="28">
      <t>カイテイ</t>
    </rPh>
    <rPh sb="28" eb="29">
      <t>バン</t>
    </rPh>
    <phoneticPr fontId="1"/>
  </si>
  <si>
    <t>児童福祉施設における食事の提供に関する援助及び指導について
（R2.3.31 子発0331第1号）</t>
    <rPh sb="39" eb="40">
      <t>コ</t>
    </rPh>
    <phoneticPr fontId="1"/>
  </si>
  <si>
    <t>特定教育・保育施設等における事故報告書について（H29.11.10府子本第912号29初幼教第11号子保発1110第1号子子発1110第1号子家発1110第1号）</t>
    <phoneticPr fontId="1"/>
  </si>
  <si>
    <t>児童福祉施設における事故防止について（S46.7.31.児発第418号）</t>
    <phoneticPr fontId="1"/>
  </si>
  <si>
    <t>事故防止通知</t>
    <rPh sb="0" eb="2">
      <t>ジコ</t>
    </rPh>
    <rPh sb="2" eb="4">
      <t>ボウシ</t>
    </rPh>
    <rPh sb="4" eb="6">
      <t>ツウチ</t>
    </rPh>
    <phoneticPr fontId="1"/>
  </si>
  <si>
    <t>(5)職員研修</t>
    <rPh sb="3" eb="5">
      <t>ショクイン</t>
    </rPh>
    <rPh sb="5" eb="7">
      <t>ケンシュウ</t>
    </rPh>
    <phoneticPr fontId="1"/>
  </si>
  <si>
    <r>
      <t>①</t>
    </r>
    <r>
      <rPr>
        <sz val="12"/>
        <rFont val="ＭＳ 明朝"/>
        <family val="1"/>
        <charset val="128"/>
      </rPr>
      <t>職員に対し、その資質の向上のための研修の機会を確保しているか。</t>
    </r>
    <phoneticPr fontId="1"/>
  </si>
  <si>
    <t>大量調理マニュアルⅡ-5-(2)ほか</t>
    <rPh sb="0" eb="4">
      <t>タイリョウチョウリ</t>
    </rPh>
    <phoneticPr fontId="1"/>
  </si>
  <si>
    <t>大量調理マニュアルⅡ5(4)③</t>
    <rPh sb="0" eb="4">
      <t>タイリョウチョウリ</t>
    </rPh>
    <phoneticPr fontId="1"/>
  </si>
  <si>
    <t>電子メールアドレス</t>
    <rPh sb="0" eb="2">
      <t>デンシ</t>
    </rPh>
    <phoneticPr fontId="1"/>
  </si>
  <si>
    <t>提出日</t>
    <rPh sb="0" eb="2">
      <t>テイシュツ</t>
    </rPh>
    <rPh sb="2" eb="3">
      <t>ビ</t>
    </rPh>
    <phoneticPr fontId="1"/>
  </si>
  <si>
    <t>　　年　　月　　日</t>
    <rPh sb="2" eb="3">
      <t>ネン</t>
    </rPh>
    <rPh sb="5" eb="6">
      <t>ツキ</t>
    </rPh>
    <rPh sb="8" eb="9">
      <t>ヒ</t>
    </rPh>
    <phoneticPr fontId="1"/>
  </si>
  <si>
    <t xml:space="preserve">特定教育・保育等に要する費用の額の算定に関する基準等の実施上の留意事項について(H28.8.23府子本第571号) </t>
    <phoneticPr fontId="1"/>
  </si>
  <si>
    <t>留意事項通知</t>
    <rPh sb="4" eb="6">
      <t>ツウチ</t>
    </rPh>
    <phoneticPr fontId="1"/>
  </si>
  <si>
    <t>留意事項通知 別紙2 Ⅱ1(2)(ｲ)ⅰ ほか</t>
    <rPh sb="0" eb="2">
      <t>リュウイ</t>
    </rPh>
    <rPh sb="2" eb="4">
      <t>ジコウ</t>
    </rPh>
    <rPh sb="4" eb="6">
      <t>ツウチ</t>
    </rPh>
    <rPh sb="7" eb="9">
      <t>ベッシ</t>
    </rPh>
    <phoneticPr fontId="1"/>
  </si>
  <si>
    <t>社福法第66条</t>
    <rPh sb="0" eb="2">
      <t>シャフク</t>
    </rPh>
    <rPh sb="2" eb="3">
      <t>ホウ</t>
    </rPh>
    <rPh sb="3" eb="4">
      <t>ダイ</t>
    </rPh>
    <rPh sb="6" eb="7">
      <t>ジョウ</t>
    </rPh>
    <phoneticPr fontId="1"/>
  </si>
  <si>
    <t>社福法</t>
    <rPh sb="0" eb="2">
      <t>シャフク</t>
    </rPh>
    <rPh sb="2" eb="3">
      <t>ホウ</t>
    </rPh>
    <phoneticPr fontId="1"/>
  </si>
  <si>
    <t>社会福祉法</t>
    <rPh sb="0" eb="5">
      <t>シャカイフクシホウ</t>
    </rPh>
    <phoneticPr fontId="1"/>
  </si>
  <si>
    <r>
      <rPr>
        <sz val="12"/>
        <color rgb="FFFF0000"/>
        <rFont val="ＭＳ 明朝"/>
        <family val="1"/>
        <charset val="128"/>
      </rPr>
      <t>(3)</t>
    </r>
    <r>
      <rPr>
        <sz val="12"/>
        <rFont val="ＭＳ 明朝"/>
        <family val="1"/>
        <charset val="128"/>
      </rPr>
      <t>薬を飲んでいる児童を預かった場合は、最大限の注意を払い、午睡時は２歳以上でもチェック表の記録を作成しているか。</t>
    </r>
    <rPh sb="45" eb="46">
      <t>ヒョウ</t>
    </rPh>
    <rPh sb="47" eb="49">
      <t>キロク</t>
    </rPh>
    <rPh sb="50" eb="52">
      <t>サクセイ</t>
    </rPh>
    <phoneticPr fontId="1"/>
  </si>
  <si>
    <t>神奈川県内の認可外保育施設における児童死亡事案に係る検証報告書（Ｈ30.9）</t>
    <phoneticPr fontId="1"/>
  </si>
  <si>
    <t>県児童死亡事案検証報告書</t>
    <phoneticPr fontId="1"/>
  </si>
  <si>
    <t>(2)０歳児、１歳児の睡眠チェック表の記録を作成しているか。</t>
    <rPh sb="4" eb="6">
      <t>サイジ</t>
    </rPh>
    <rPh sb="8" eb="10">
      <t>サイジ</t>
    </rPh>
    <rPh sb="11" eb="13">
      <t>スイミン</t>
    </rPh>
    <rPh sb="17" eb="18">
      <t>ヒョウ</t>
    </rPh>
    <rPh sb="19" eb="21">
      <t>キロク</t>
    </rPh>
    <rPh sb="22" eb="24">
      <t>サクセイ</t>
    </rPh>
    <phoneticPr fontId="1"/>
  </si>
  <si>
    <t>県児童死亡事案検証報告書</t>
    <phoneticPr fontId="1"/>
  </si>
  <si>
    <t>監査通知ほか</t>
    <rPh sb="0" eb="2">
      <t>カンサ</t>
    </rPh>
    <rPh sb="2" eb="4">
      <t>ツウチ</t>
    </rPh>
    <phoneticPr fontId="1"/>
  </si>
  <si>
    <t>１　健康診断</t>
    <rPh sb="2" eb="4">
      <t>ケンコウ</t>
    </rPh>
    <rPh sb="4" eb="6">
      <t>シンダン</t>
    </rPh>
    <phoneticPr fontId="2"/>
  </si>
  <si>
    <t>２　乳幼児突然死症候群の事故防止の配慮</t>
    <rPh sb="2" eb="5">
      <t>ニュウヨウジ</t>
    </rPh>
    <rPh sb="5" eb="8">
      <t>トツゼンシ</t>
    </rPh>
    <rPh sb="8" eb="11">
      <t>ショウコウグン</t>
    </rPh>
    <rPh sb="12" eb="14">
      <t>ジコ</t>
    </rPh>
    <rPh sb="14" eb="16">
      <t>ボウシ</t>
    </rPh>
    <rPh sb="17" eb="19">
      <t>ハイリョ</t>
    </rPh>
    <phoneticPr fontId="2"/>
  </si>
  <si>
    <t>３　適切な食事</t>
    <rPh sb="2" eb="4">
      <t>テキセツ</t>
    </rPh>
    <rPh sb="5" eb="7">
      <t>ショクジ</t>
    </rPh>
    <phoneticPr fontId="2"/>
  </si>
  <si>
    <t>４　事故未然防止の取組</t>
    <rPh sb="2" eb="4">
      <t>ジコ</t>
    </rPh>
    <rPh sb="4" eb="6">
      <t>ミゼン</t>
    </rPh>
    <rPh sb="6" eb="8">
      <t>ボウシ</t>
    </rPh>
    <rPh sb="9" eb="10">
      <t>ト</t>
    </rPh>
    <rPh sb="10" eb="11">
      <t>ク</t>
    </rPh>
    <phoneticPr fontId="2"/>
  </si>
  <si>
    <t>以降の項目について、該当するものを選びチェックをしてください</t>
    <rPh sb="0" eb="2">
      <t>イコウ</t>
    </rPh>
    <rPh sb="3" eb="5">
      <t>コウモク</t>
    </rPh>
    <rPh sb="10" eb="12">
      <t>ガイトウ</t>
    </rPh>
    <phoneticPr fontId="1"/>
  </si>
  <si>
    <t>保育指針第1章1(5)ｱ、県条例第10条</t>
    <phoneticPr fontId="1"/>
  </si>
  <si>
    <t>(3)欠席した児童の健康診断（入所時、定期）を適切に実施している。</t>
    <rPh sb="3" eb="5">
      <t>ケッセキ</t>
    </rPh>
    <rPh sb="10" eb="12">
      <t>ケンコウ</t>
    </rPh>
    <rPh sb="12" eb="14">
      <t>シンダン</t>
    </rPh>
    <rPh sb="15" eb="17">
      <t>ニュウショ</t>
    </rPh>
    <rPh sb="17" eb="18">
      <t>ジ</t>
    </rPh>
    <rPh sb="19" eb="21">
      <t>テイキ</t>
    </rPh>
    <rPh sb="23" eb="25">
      <t>テキセツ</t>
    </rPh>
    <rPh sb="26" eb="28">
      <t>ジッシ</t>
    </rPh>
    <phoneticPr fontId="1"/>
  </si>
  <si>
    <t>(1)入所時（４月及び年度途中入所）の健康診断については、入所後１カ月以内に受診させているか、又は２カ月以内に実施される定期健康診断がある場合はそれを受診させているか。</t>
    <rPh sb="8" eb="9">
      <t>ガツ</t>
    </rPh>
    <rPh sb="9" eb="10">
      <t>オヨ</t>
    </rPh>
    <rPh sb="11" eb="13">
      <t>ネンド</t>
    </rPh>
    <rPh sb="13" eb="15">
      <t>トチュウ</t>
    </rPh>
    <rPh sb="15" eb="17">
      <t>ニュウショ</t>
    </rPh>
    <rPh sb="19" eb="21">
      <t>ケンコウ</t>
    </rPh>
    <rPh sb="21" eb="23">
      <t>シンダン</t>
    </rPh>
    <rPh sb="29" eb="31">
      <t>ニュウショ</t>
    </rPh>
    <rPh sb="31" eb="32">
      <t>ゴ</t>
    </rPh>
    <rPh sb="34" eb="35">
      <t>ゲツ</t>
    </rPh>
    <rPh sb="35" eb="37">
      <t>イナイ</t>
    </rPh>
    <rPh sb="38" eb="40">
      <t>ジュシン</t>
    </rPh>
    <rPh sb="47" eb="48">
      <t>マタ</t>
    </rPh>
    <rPh sb="51" eb="52">
      <t>ゲツ</t>
    </rPh>
    <rPh sb="52" eb="54">
      <t>イナイ</t>
    </rPh>
    <rPh sb="55" eb="57">
      <t>ジッシ</t>
    </rPh>
    <rPh sb="60" eb="62">
      <t>テイキ</t>
    </rPh>
    <rPh sb="62" eb="64">
      <t>ケンコウ</t>
    </rPh>
    <rPh sb="64" eb="66">
      <t>シンダン</t>
    </rPh>
    <rPh sb="69" eb="71">
      <t>バアイ</t>
    </rPh>
    <rPh sb="75" eb="77">
      <t>ジュシン</t>
    </rPh>
    <phoneticPr fontId="1"/>
  </si>
  <si>
    <t>労働施策推進法</t>
    <rPh sb="0" eb="2">
      <t>ロウドウ</t>
    </rPh>
    <rPh sb="2" eb="4">
      <t>シサク</t>
    </rPh>
    <rPh sb="4" eb="6">
      <t>スイシン</t>
    </rPh>
    <rPh sb="6" eb="7">
      <t>ホウ</t>
    </rPh>
    <phoneticPr fontId="1"/>
  </si>
  <si>
    <t>労働施策の総合的な推進並びに労働者の雇用の安定及び職業生活の充実等に関する法律</t>
    <rPh sb="0" eb="2">
      <t>ロウドウ</t>
    </rPh>
    <rPh sb="2" eb="4">
      <t>シサク</t>
    </rPh>
    <rPh sb="5" eb="8">
      <t>ソウゴウテキ</t>
    </rPh>
    <rPh sb="9" eb="11">
      <t>スイシン</t>
    </rPh>
    <rPh sb="11" eb="12">
      <t>ナラ</t>
    </rPh>
    <rPh sb="14" eb="17">
      <t>ロウドウシャ</t>
    </rPh>
    <rPh sb="18" eb="20">
      <t>コヨウ</t>
    </rPh>
    <rPh sb="21" eb="23">
      <t>アンテイ</t>
    </rPh>
    <rPh sb="23" eb="24">
      <t>オヨ</t>
    </rPh>
    <rPh sb="25" eb="27">
      <t>ショクギョウ</t>
    </rPh>
    <rPh sb="27" eb="29">
      <t>セイカツ</t>
    </rPh>
    <rPh sb="30" eb="32">
      <t>ジュウジツ</t>
    </rPh>
    <rPh sb="32" eb="33">
      <t>ナド</t>
    </rPh>
    <rPh sb="34" eb="35">
      <t>カン</t>
    </rPh>
    <rPh sb="37" eb="39">
      <t>ホウリツ</t>
    </rPh>
    <phoneticPr fontId="1"/>
  </si>
  <si>
    <t>(2)子どもの健康状態並びに発育及び発達状態の把握</t>
    <phoneticPr fontId="1"/>
  </si>
  <si>
    <t>③全国保育士会の「保育所・認定こども園等における人権擁護のためのセルフチェックリスト」等を活用し、保育の質の向上に努めている。
https://www.z-hoikushikai.com/book/pamphlet.html</t>
    <phoneticPr fontId="1"/>
  </si>
  <si>
    <t>【職員処遇】</t>
    <rPh sb="1" eb="3">
      <t>ショクイン</t>
    </rPh>
    <rPh sb="3" eb="5">
      <t>ショグウ</t>
    </rPh>
    <phoneticPr fontId="2"/>
  </si>
  <si>
    <t>１　職員の採用退職・配置の状況</t>
    <rPh sb="2" eb="4">
      <t>ショクイン</t>
    </rPh>
    <rPh sb="5" eb="7">
      <t>サイヨウ</t>
    </rPh>
    <rPh sb="7" eb="9">
      <t>タイショク</t>
    </rPh>
    <rPh sb="10" eb="12">
      <t>ハイチ</t>
    </rPh>
    <rPh sb="13" eb="15">
      <t>ジョウキョウ</t>
    </rPh>
    <phoneticPr fontId="2"/>
  </si>
  <si>
    <t>直　接　処　遇　職　員</t>
    <rPh sb="0" eb="3">
      <t>チョクセツ</t>
    </rPh>
    <rPh sb="4" eb="7">
      <t>ショグウ</t>
    </rPh>
    <rPh sb="8" eb="11">
      <t>ショクイン</t>
    </rPh>
    <phoneticPr fontId="2"/>
  </si>
  <si>
    <t>施設長</t>
    <rPh sb="0" eb="2">
      <t>シセツ</t>
    </rPh>
    <rPh sb="2" eb="3">
      <t>チョウ</t>
    </rPh>
    <phoneticPr fontId="2"/>
  </si>
  <si>
    <t>事務員</t>
    <rPh sb="0" eb="3">
      <t>ジムイン</t>
    </rPh>
    <phoneticPr fontId="2"/>
  </si>
  <si>
    <t>保育士</t>
    <rPh sb="0" eb="1">
      <t>タモツ</t>
    </rPh>
    <rPh sb="1" eb="2">
      <t>イク</t>
    </rPh>
    <rPh sb="2" eb="3">
      <t>シ</t>
    </rPh>
    <phoneticPr fontId="2"/>
  </si>
  <si>
    <t>看護師</t>
    <rPh sb="0" eb="2">
      <t>カンゴ</t>
    </rPh>
    <rPh sb="2" eb="3">
      <t>シ</t>
    </rPh>
    <phoneticPr fontId="2"/>
  </si>
  <si>
    <t>教諭等</t>
    <rPh sb="0" eb="3">
      <t>キョウユトウ</t>
    </rPh>
    <phoneticPr fontId="2"/>
  </si>
  <si>
    <t>資格なし</t>
    <rPh sb="0" eb="2">
      <t>シカク</t>
    </rPh>
    <phoneticPr fontId="2"/>
  </si>
  <si>
    <t>小　計</t>
    <rPh sb="0" eb="3">
      <t>ショウケイ</t>
    </rPh>
    <phoneticPr fontId="2"/>
  </si>
  <si>
    <t>栄養士</t>
    <rPh sb="0" eb="3">
      <t>エイヨウシ</t>
    </rPh>
    <phoneticPr fontId="2"/>
  </si>
  <si>
    <t>調理員</t>
    <rPh sb="0" eb="3">
      <t>チョウリイン</t>
    </rPh>
    <phoneticPr fontId="2"/>
  </si>
  <si>
    <t>その他</t>
    <rPh sb="0" eb="3">
      <t>ソノタ</t>
    </rPh>
    <phoneticPr fontId="2"/>
  </si>
  <si>
    <t>常　　　勤</t>
    <rPh sb="0" eb="1">
      <t>ツネ</t>
    </rPh>
    <rPh sb="4" eb="5">
      <t>ツトム</t>
    </rPh>
    <phoneticPr fontId="2"/>
  </si>
  <si>
    <t>　　年度当初人数</t>
    <rPh sb="2" eb="4">
      <t>ネンド</t>
    </rPh>
    <rPh sb="4" eb="6">
      <t>トウショ</t>
    </rPh>
    <rPh sb="6" eb="8">
      <t>ニンズウ</t>
    </rPh>
    <phoneticPr fontId="2"/>
  </si>
  <si>
    <t>　　年度途中の採用</t>
    <rPh sb="2" eb="4">
      <t>ネンド</t>
    </rPh>
    <rPh sb="4" eb="6">
      <t>トチュウ</t>
    </rPh>
    <rPh sb="7" eb="9">
      <t>サイヨウ</t>
    </rPh>
    <phoneticPr fontId="2"/>
  </si>
  <si>
    <t>年</t>
    <rPh sb="0" eb="1">
      <t>ネン</t>
    </rPh>
    <phoneticPr fontId="2"/>
  </si>
  <si>
    <t>　　年度途中の異動</t>
    <rPh sb="2" eb="4">
      <t>ネンド</t>
    </rPh>
    <rPh sb="4" eb="6">
      <t>トチュウ</t>
    </rPh>
    <rPh sb="7" eb="9">
      <t>イドウ</t>
    </rPh>
    <phoneticPr fontId="2"/>
  </si>
  <si>
    <t>度</t>
    <rPh sb="0" eb="1">
      <t>ド</t>
    </rPh>
    <phoneticPr fontId="2"/>
  </si>
  <si>
    <t>　　年度途中の退職</t>
    <rPh sb="2" eb="4">
      <t>ネンド</t>
    </rPh>
    <rPh sb="4" eb="6">
      <t>トチュウ</t>
    </rPh>
    <rPh sb="7" eb="9">
      <t>タイショク</t>
    </rPh>
    <phoneticPr fontId="2"/>
  </si>
  <si>
    <t>　　年度末の人数</t>
    <rPh sb="2" eb="3">
      <t>ネン</t>
    </rPh>
    <rPh sb="3" eb="4">
      <t>ド</t>
    </rPh>
    <rPh sb="4" eb="5">
      <t>ネンドマツ</t>
    </rPh>
    <rPh sb="6" eb="8">
      <t>ニンズウ</t>
    </rPh>
    <phoneticPr fontId="2"/>
  </si>
  <si>
    <t>非常勤</t>
    <rPh sb="0" eb="1">
      <t>ヒジョウ</t>
    </rPh>
    <rPh sb="1" eb="2">
      <t>ジョウ</t>
    </rPh>
    <rPh sb="2" eb="3">
      <t>キン</t>
    </rPh>
    <phoneticPr fontId="2"/>
  </si>
  <si>
    <t xml:space="preserve">    現員数</t>
    <rPh sb="4" eb="6">
      <t>ゲンイン</t>
    </rPh>
    <rPh sb="6" eb="7">
      <t>スウ</t>
    </rPh>
    <phoneticPr fontId="2"/>
  </si>
  <si>
    <t>　　実労働延時間（週）</t>
    <rPh sb="2" eb="3">
      <t>ジツ</t>
    </rPh>
    <rPh sb="3" eb="5">
      <t>ロウドウ</t>
    </rPh>
    <rPh sb="5" eb="6">
      <t>ノ</t>
    </rPh>
    <rPh sb="6" eb="8">
      <t>ジカン</t>
    </rPh>
    <rPh sb="9" eb="10">
      <t>シュウ</t>
    </rPh>
    <phoneticPr fontId="2"/>
  </si>
  <si>
    <t>　　換算職員数　</t>
    <rPh sb="2" eb="4">
      <t>カンサン</t>
    </rPh>
    <rPh sb="4" eb="7">
      <t>ショクインスウ</t>
    </rPh>
    <phoneticPr fontId="2"/>
  </si>
  <si>
    <t>合　　　計</t>
    <rPh sb="0" eb="5">
      <t>ゴウケイ</t>
    </rPh>
    <phoneticPr fontId="2"/>
  </si>
  <si>
    <t>配置</t>
    <rPh sb="0" eb="2">
      <t>ハイチ</t>
    </rPh>
    <phoneticPr fontId="2"/>
  </si>
  <si>
    <t>　運営費上配置基準数</t>
    <rPh sb="1" eb="3">
      <t>ウンエイ</t>
    </rPh>
    <rPh sb="3" eb="4">
      <t>ヒ</t>
    </rPh>
    <rPh sb="4" eb="5">
      <t>ウエ</t>
    </rPh>
    <rPh sb="5" eb="7">
      <t>ハイチ</t>
    </rPh>
    <rPh sb="7" eb="9">
      <t>キジュン</t>
    </rPh>
    <rPh sb="9" eb="10">
      <t>スウ</t>
    </rPh>
    <phoneticPr fontId="2"/>
  </si>
  <si>
    <t>　過不足</t>
    <rPh sb="1" eb="4">
      <t>カフソク</t>
    </rPh>
    <phoneticPr fontId="2"/>
  </si>
  <si>
    <t>③「年度当初人数」は４月１日の職員数、「年度途中の採用」「年度途中の退職」は４月２日から３月３０日までの採用又は退職の人数、「年度末の人数」は３月３１日の職員数を記入すること。</t>
    <rPh sb="2" eb="4">
      <t>ネンド</t>
    </rPh>
    <rPh sb="4" eb="6">
      <t>トウショ</t>
    </rPh>
    <rPh sb="6" eb="8">
      <t>ニンズウ</t>
    </rPh>
    <rPh sb="10" eb="12">
      <t>シガツ</t>
    </rPh>
    <rPh sb="12" eb="14">
      <t>ツイタチ</t>
    </rPh>
    <rPh sb="15" eb="18">
      <t>ショクインスウ</t>
    </rPh>
    <rPh sb="20" eb="22">
      <t>ネンド</t>
    </rPh>
    <rPh sb="22" eb="24">
      <t>トチュウ</t>
    </rPh>
    <rPh sb="25" eb="27">
      <t>サイヨウ</t>
    </rPh>
    <rPh sb="29" eb="31">
      <t>ネンド</t>
    </rPh>
    <rPh sb="31" eb="33">
      <t>トチュウ</t>
    </rPh>
    <rPh sb="34" eb="36">
      <t>タイショク</t>
    </rPh>
    <rPh sb="38" eb="40">
      <t>シガツ</t>
    </rPh>
    <rPh sb="40" eb="42">
      <t>フツカ</t>
    </rPh>
    <rPh sb="44" eb="46">
      <t>サンガツ</t>
    </rPh>
    <rPh sb="48" eb="49">
      <t>サンジュウニチ</t>
    </rPh>
    <rPh sb="52" eb="54">
      <t>サイヨウ</t>
    </rPh>
    <rPh sb="54" eb="55">
      <t>マタ</t>
    </rPh>
    <rPh sb="56" eb="58">
      <t>タイショク</t>
    </rPh>
    <rPh sb="59" eb="61">
      <t>ニンズウ</t>
    </rPh>
    <rPh sb="63" eb="66">
      <t>ネンドマツ</t>
    </rPh>
    <rPh sb="67" eb="69">
      <t>ニンズウ</t>
    </rPh>
    <rPh sb="71" eb="73">
      <t>サンガツ</t>
    </rPh>
    <rPh sb="73" eb="76">
      <t>サンジュウイチニチ</t>
    </rPh>
    <phoneticPr fontId="2"/>
  </si>
  <si>
    <t>　「年度途中の異動」には、育休、他施設への移動等による職員の増減数を記入すること。</t>
    <rPh sb="2" eb="4">
      <t>ネンド</t>
    </rPh>
    <rPh sb="4" eb="6">
      <t>トチュウ</t>
    </rPh>
    <rPh sb="7" eb="9">
      <t>イドウ</t>
    </rPh>
    <rPh sb="13" eb="15">
      <t>イクキュウ</t>
    </rPh>
    <rPh sb="16" eb="17">
      <t>タ</t>
    </rPh>
    <rPh sb="17" eb="19">
      <t>シセツ</t>
    </rPh>
    <rPh sb="21" eb="23">
      <t>イドウ</t>
    </rPh>
    <rPh sb="23" eb="24">
      <t>トウ</t>
    </rPh>
    <rPh sb="27" eb="29">
      <t>ショクイン</t>
    </rPh>
    <rPh sb="30" eb="32">
      <t>ゾウゲン</t>
    </rPh>
    <rPh sb="32" eb="33">
      <t>スウ</t>
    </rPh>
    <rPh sb="34" eb="36">
      <t>キニュウ</t>
    </rPh>
    <phoneticPr fontId="2"/>
  </si>
  <si>
    <t>③「非常勤」は今回の監査実施日の前々月末の非常勤職員の状況を記入すること。　</t>
    <rPh sb="2" eb="5">
      <t>ヒジョウキン</t>
    </rPh>
    <rPh sb="7" eb="9">
      <t>コンカイ</t>
    </rPh>
    <rPh sb="10" eb="12">
      <t>カンサ</t>
    </rPh>
    <rPh sb="12" eb="14">
      <t>ジッシ</t>
    </rPh>
    <rPh sb="14" eb="15">
      <t>ビ</t>
    </rPh>
    <rPh sb="16" eb="18">
      <t>ゼンゼン</t>
    </rPh>
    <rPh sb="18" eb="20">
      <t>ゲツマツ</t>
    </rPh>
    <rPh sb="21" eb="24">
      <t>ヒジョウキン</t>
    </rPh>
    <rPh sb="24" eb="26">
      <t>ショクイン</t>
    </rPh>
    <rPh sb="27" eb="29">
      <t>ジョウキョウ</t>
    </rPh>
    <rPh sb="30" eb="32">
      <t>キニュウ</t>
    </rPh>
    <phoneticPr fontId="2"/>
  </si>
  <si>
    <t>④「非常勤」の「換算職員数」は、各職種ごとに非常勤職員の週当たり実労働時間の合算数を常勤職員の週当たり実労働時間で除して得た数とする。　</t>
    <rPh sb="2" eb="5">
      <t>ヒジョウキン</t>
    </rPh>
    <rPh sb="8" eb="10">
      <t>カンサン</t>
    </rPh>
    <rPh sb="10" eb="13">
      <t>ショクインスウ</t>
    </rPh>
    <rPh sb="16" eb="19">
      <t>カクショクシュ</t>
    </rPh>
    <rPh sb="22" eb="23">
      <t>ヒ</t>
    </rPh>
    <rPh sb="23" eb="25">
      <t>ジョウキン</t>
    </rPh>
    <rPh sb="25" eb="27">
      <t>ショクイン</t>
    </rPh>
    <rPh sb="28" eb="29">
      <t>シュウ</t>
    </rPh>
    <rPh sb="29" eb="30">
      <t>ア</t>
    </rPh>
    <rPh sb="32" eb="33">
      <t>ジツ</t>
    </rPh>
    <rPh sb="33" eb="35">
      <t>ロウドウ</t>
    </rPh>
    <rPh sb="35" eb="37">
      <t>キンムジカン</t>
    </rPh>
    <rPh sb="38" eb="40">
      <t>ガッサン</t>
    </rPh>
    <rPh sb="40" eb="41">
      <t>スウ</t>
    </rPh>
    <rPh sb="42" eb="44">
      <t>ジョウキン</t>
    </rPh>
    <rPh sb="44" eb="46">
      <t>ショクイン</t>
    </rPh>
    <rPh sb="47" eb="48">
      <t>シュウ</t>
    </rPh>
    <rPh sb="48" eb="49">
      <t>ア</t>
    </rPh>
    <rPh sb="51" eb="52">
      <t>ジツ</t>
    </rPh>
    <rPh sb="52" eb="56">
      <t>ロウドウジカン</t>
    </rPh>
    <rPh sb="57" eb="58">
      <t>ジョ</t>
    </rPh>
    <rPh sb="60" eb="61">
      <t>エ</t>
    </rPh>
    <rPh sb="62" eb="63">
      <t>カズ</t>
    </rPh>
    <phoneticPr fontId="2"/>
  </si>
  <si>
    <t>⑤「合計」は「今回の監査実施日の前々月末の人数」と「換算職員数」の合計を記入すること。</t>
    <rPh sb="2" eb="4">
      <t>ゴウケイ</t>
    </rPh>
    <rPh sb="7" eb="9">
      <t>コンカイ</t>
    </rPh>
    <rPh sb="10" eb="12">
      <t>カンサ</t>
    </rPh>
    <rPh sb="12" eb="14">
      <t>ジッシ</t>
    </rPh>
    <rPh sb="14" eb="15">
      <t>ビ</t>
    </rPh>
    <rPh sb="16" eb="18">
      <t>ゼンゼン</t>
    </rPh>
    <rPh sb="18" eb="20">
      <t>ゲツマツ</t>
    </rPh>
    <rPh sb="21" eb="23">
      <t>ニンズウ</t>
    </rPh>
    <rPh sb="26" eb="28">
      <t>カンサン</t>
    </rPh>
    <rPh sb="28" eb="31">
      <t>ショクインスウ</t>
    </rPh>
    <rPh sb="33" eb="35">
      <t>ゴウケイ</t>
    </rPh>
    <rPh sb="36" eb="38">
      <t>キニュウ</t>
    </rPh>
    <phoneticPr fontId="2"/>
  </si>
  <si>
    <t>⑥「運営費上職員数」は、施設事務費単価の算定基準となるべき職員基準数を記入すること。</t>
    <rPh sb="2" eb="4">
      <t>ウンエイ</t>
    </rPh>
    <rPh sb="4" eb="5">
      <t>ヒ</t>
    </rPh>
    <rPh sb="5" eb="6">
      <t>ウエ</t>
    </rPh>
    <rPh sb="6" eb="9">
      <t>ショクインスウ</t>
    </rPh>
    <rPh sb="12" eb="14">
      <t>シセツ</t>
    </rPh>
    <rPh sb="14" eb="17">
      <t>ジムヒ</t>
    </rPh>
    <rPh sb="17" eb="19">
      <t>タンカ</t>
    </rPh>
    <rPh sb="20" eb="22">
      <t>サンテイ</t>
    </rPh>
    <rPh sb="22" eb="24">
      <t>キジュン</t>
    </rPh>
    <rPh sb="29" eb="31">
      <t>ショクイン</t>
    </rPh>
    <rPh sb="31" eb="33">
      <t>キジュン</t>
    </rPh>
    <rPh sb="33" eb="34">
      <t>スウ</t>
    </rPh>
    <rPh sb="35" eb="37">
      <t>キニュウ</t>
    </rPh>
    <phoneticPr fontId="2"/>
  </si>
  <si>
    <t>⑦「過不足」は、「合計」と「運営費上職員数」との差を記入すること。（「合計」の人数の方が少ない場合は、△印）</t>
    <rPh sb="2" eb="5">
      <t>カフソク</t>
    </rPh>
    <rPh sb="9" eb="11">
      <t>ゴウケイ</t>
    </rPh>
    <rPh sb="14" eb="16">
      <t>ウンエイ</t>
    </rPh>
    <rPh sb="16" eb="17">
      <t>ヒ</t>
    </rPh>
    <rPh sb="17" eb="18">
      <t>ウエ</t>
    </rPh>
    <rPh sb="18" eb="21">
      <t>ショクインスウ</t>
    </rPh>
    <rPh sb="24" eb="25">
      <t>サ</t>
    </rPh>
    <rPh sb="26" eb="28">
      <t>キニュウ</t>
    </rPh>
    <rPh sb="35" eb="37">
      <t>ゴウケイ</t>
    </rPh>
    <rPh sb="39" eb="40">
      <t>ヒト</t>
    </rPh>
    <rPh sb="40" eb="41">
      <t>カズ</t>
    </rPh>
    <rPh sb="42" eb="43">
      <t>ホウ</t>
    </rPh>
    <rPh sb="44" eb="45">
      <t>スク</t>
    </rPh>
    <rPh sb="47" eb="49">
      <t>バアイ</t>
    </rPh>
    <rPh sb="52" eb="53">
      <t>シルシ</t>
    </rPh>
    <phoneticPr fontId="2"/>
  </si>
  <si>
    <t>⑧「教諭等」は、家庭的保育者、子育て支援員研修のうち地域型保育コースを終了した者、幼稚園教諭、小学校教諭、養護教諭等を記入すること。</t>
    <rPh sb="2" eb="5">
      <t>キョウユトウ</t>
    </rPh>
    <rPh sb="59" eb="61">
      <t>キニュウ</t>
    </rPh>
    <phoneticPr fontId="2"/>
  </si>
  <si>
    <t>（平成28年２月18日付け雇児発0218第２号「保育所等における保育士配置に係る特例 について」）</t>
    <rPh sb="11" eb="12">
      <t>ヅ</t>
    </rPh>
    <phoneticPr fontId="2"/>
  </si>
  <si>
    <t>２　不足職員の補充状況</t>
    <rPh sb="2" eb="4">
      <t>フソク</t>
    </rPh>
    <rPh sb="4" eb="6">
      <t>ショクイン</t>
    </rPh>
    <rPh sb="7" eb="9">
      <t>ホジュウ</t>
    </rPh>
    <rPh sb="9" eb="11">
      <t>ジョウキョウ</t>
    </rPh>
    <phoneticPr fontId="2"/>
  </si>
  <si>
    <t>職　　種</t>
    <rPh sb="0" eb="4">
      <t>ショクシュ</t>
    </rPh>
    <phoneticPr fontId="2"/>
  </si>
  <si>
    <t>不足の発生時期</t>
    <rPh sb="0" eb="2">
      <t>フソク</t>
    </rPh>
    <rPh sb="3" eb="5">
      <t>ハッセイ</t>
    </rPh>
    <rPh sb="5" eb="7">
      <t>ジキ</t>
    </rPh>
    <phoneticPr fontId="2"/>
  </si>
  <si>
    <t>不足の発生理由</t>
    <rPh sb="0" eb="2">
      <t>フソク</t>
    </rPh>
    <rPh sb="3" eb="5">
      <t>ハッセイ</t>
    </rPh>
    <rPh sb="5" eb="7">
      <t>リユウ</t>
    </rPh>
    <phoneticPr fontId="2"/>
  </si>
  <si>
    <t>補充見込時期</t>
    <rPh sb="0" eb="2">
      <t>ホジュウ</t>
    </rPh>
    <rPh sb="2" eb="4">
      <t>ミコ</t>
    </rPh>
    <rPh sb="4" eb="6">
      <t>ジキ</t>
    </rPh>
    <phoneticPr fontId="2"/>
  </si>
  <si>
    <t>　　　　年　　　月</t>
    <rPh sb="4" eb="5">
      <t>ネン</t>
    </rPh>
    <rPh sb="8" eb="9">
      <t>ゲツ</t>
    </rPh>
    <phoneticPr fontId="2"/>
  </si>
  <si>
    <t>　※　上記の表で｢過不足｣が｢△｣となった職種について記入すること。</t>
    <rPh sb="3" eb="5">
      <t>ジョウキ</t>
    </rPh>
    <rPh sb="6" eb="7">
      <t>ヒョウ</t>
    </rPh>
    <rPh sb="9" eb="12">
      <t>カフソク</t>
    </rPh>
    <rPh sb="21" eb="23">
      <t>ショクシュ</t>
    </rPh>
    <rPh sb="27" eb="29">
      <t>キニュウ</t>
    </rPh>
    <phoneticPr fontId="2"/>
  </si>
  <si>
    <t>３　職員の勤務形態</t>
    <rPh sb="2" eb="4">
      <t>ショクイン</t>
    </rPh>
    <rPh sb="5" eb="7">
      <t>キンム</t>
    </rPh>
    <rPh sb="7" eb="9">
      <t>ケイタイ</t>
    </rPh>
    <phoneticPr fontId="2"/>
  </si>
  <si>
    <t>時　間</t>
    <phoneticPr fontId="2"/>
  </si>
  <si>
    <t>引継ぎ</t>
    <rPh sb="0" eb="2">
      <t>ヒキツ</t>
    </rPh>
    <phoneticPr fontId="2"/>
  </si>
  <si>
    <t>（朝）　　　時　　　分</t>
    <rPh sb="1" eb="2">
      <t>アサ</t>
    </rPh>
    <rPh sb="6" eb="7">
      <t>ジ</t>
    </rPh>
    <rPh sb="10" eb="11">
      <t>フン</t>
    </rPh>
    <phoneticPr fontId="2"/>
  </si>
  <si>
    <t>児童の日課</t>
    <rPh sb="0" eb="2">
      <t>ジドウ</t>
    </rPh>
    <rPh sb="3" eb="5">
      <t>ニッカ</t>
    </rPh>
    <phoneticPr fontId="2"/>
  </si>
  <si>
    <t>（夕）　　　時　　　分</t>
    <rPh sb="1" eb="2">
      <t>ユウ</t>
    </rPh>
    <rPh sb="6" eb="7">
      <t>ジ</t>
    </rPh>
    <rPh sb="10" eb="11">
      <t>フン</t>
    </rPh>
    <phoneticPr fontId="2"/>
  </si>
  <si>
    <t>（他）　　　時　　　分</t>
    <rPh sb="1" eb="2">
      <t>タ</t>
    </rPh>
    <rPh sb="6" eb="7">
      <t>ジ</t>
    </rPh>
    <rPh sb="10" eb="11">
      <t>フン</t>
    </rPh>
    <phoneticPr fontId="2"/>
  </si>
  <si>
    <t>児童数</t>
    <rPh sb="0" eb="2">
      <t>ジドウ</t>
    </rPh>
    <phoneticPr fontId="2"/>
  </si>
  <si>
    <t>　　　　　　　</t>
    <phoneticPr fontId="2"/>
  </si>
  <si>
    <t>拘束</t>
    <rPh sb="0" eb="2">
      <t>コウソク</t>
    </rPh>
    <phoneticPr fontId="2"/>
  </si>
  <si>
    <t>休憩</t>
    <rPh sb="0" eb="2">
      <t>キュウケイ</t>
    </rPh>
    <phoneticPr fontId="2"/>
  </si>
  <si>
    <t>実働</t>
    <rPh sb="0" eb="2">
      <t>ジツドウ</t>
    </rPh>
    <phoneticPr fontId="2"/>
  </si>
  <si>
    <t>時間</t>
    <rPh sb="0" eb="2">
      <t>ジカン</t>
    </rPh>
    <phoneticPr fontId="2"/>
  </si>
  <si>
    <t>Ａ</t>
    <phoneticPr fontId="2"/>
  </si>
  <si>
    <t>( 　 )名</t>
  </si>
  <si>
    <t>Ｂ</t>
    <phoneticPr fontId="2"/>
  </si>
  <si>
    <t>Ｃ</t>
    <phoneticPr fontId="2"/>
  </si>
  <si>
    <t>員</t>
    <rPh sb="0" eb="1">
      <t>イン</t>
    </rPh>
    <phoneticPr fontId="2"/>
  </si>
  <si>
    <t>調</t>
  </si>
  <si>
    <t>理</t>
    <rPh sb="0" eb="1">
      <t>リ</t>
    </rPh>
    <phoneticPr fontId="2"/>
  </si>
  <si>
    <t>8.30</t>
    <phoneticPr fontId="2"/>
  </si>
  <si>
    <t>1.00</t>
    <phoneticPr fontId="2"/>
  </si>
  <si>
    <t>7.30</t>
    <phoneticPr fontId="2"/>
  </si>
  <si>
    <t>8.00</t>
    <phoneticPr fontId="2"/>
  </si>
  <si>
    <t>7.00</t>
    <phoneticPr fontId="2"/>
  </si>
  <si>
    <t>※　１　資料作成時における一般的な状況により記入してください。</t>
    <rPh sb="4" eb="6">
      <t>シリョウ</t>
    </rPh>
    <rPh sb="6" eb="8">
      <t>サクセイ</t>
    </rPh>
    <rPh sb="8" eb="9">
      <t>ジ</t>
    </rPh>
    <rPh sb="13" eb="16">
      <t>イッパンテキ</t>
    </rPh>
    <rPh sb="17" eb="19">
      <t>ジョウキョウ</t>
    </rPh>
    <rPh sb="22" eb="24">
      <t>キニュウ</t>
    </rPh>
    <phoneticPr fontId="2"/>
  </si>
  <si>
    <t>　　２　「日課」は起床、体操、朝食などの主な日課を記入してください。</t>
    <rPh sb="5" eb="7">
      <t>ニッカ</t>
    </rPh>
    <rPh sb="9" eb="11">
      <t>キショウ</t>
    </rPh>
    <rPh sb="12" eb="14">
      <t>タイソウ</t>
    </rPh>
    <rPh sb="15" eb="17">
      <t>チョウショク</t>
    </rPh>
    <rPh sb="20" eb="21">
      <t>オモ</t>
    </rPh>
    <rPh sb="22" eb="24">
      <t>ニッカ</t>
    </rPh>
    <rPh sb="25" eb="27">
      <t>キニュウ</t>
    </rPh>
    <phoneticPr fontId="2"/>
  </si>
  <si>
    <t>　　３  「入所者数」は、入所者数（施設にいる者の数）が変動する場合に記入してください。</t>
    <rPh sb="6" eb="9">
      <t>ニュウショシャ</t>
    </rPh>
    <rPh sb="9" eb="10">
      <t>スウ</t>
    </rPh>
    <rPh sb="13" eb="15">
      <t>ニュウショ</t>
    </rPh>
    <rPh sb="15" eb="16">
      <t>シャ</t>
    </rPh>
    <rPh sb="16" eb="17">
      <t>スウ</t>
    </rPh>
    <rPh sb="18" eb="20">
      <t>シセツ</t>
    </rPh>
    <rPh sb="23" eb="24">
      <t>モノ</t>
    </rPh>
    <rPh sb="25" eb="26">
      <t>カズ</t>
    </rPh>
    <rPh sb="28" eb="30">
      <t>ヘンドウ</t>
    </rPh>
    <rPh sb="32" eb="34">
      <t>バアイ</t>
    </rPh>
    <rPh sb="35" eb="37">
      <t>キニュウ</t>
    </rPh>
    <phoneticPr fontId="2"/>
  </si>
  <si>
    <t>県条例第12条の３</t>
    <rPh sb="0" eb="1">
      <t>ケン</t>
    </rPh>
    <rPh sb="1" eb="3">
      <t>ジョウレイ</t>
    </rPh>
    <rPh sb="3" eb="4">
      <t>ダイ</t>
    </rPh>
    <rPh sb="6" eb="7">
      <t>ジョウ</t>
    </rPh>
    <phoneticPr fontId="1"/>
  </si>
  <si>
    <t>県条例第12条の４</t>
    <rPh sb="0" eb="1">
      <t>ケン</t>
    </rPh>
    <rPh sb="1" eb="3">
      <t>ジョウレイ</t>
    </rPh>
    <rPh sb="3" eb="4">
      <t>ダイ</t>
    </rPh>
    <rPh sb="6" eb="7">
      <t>ジョウ</t>
    </rPh>
    <phoneticPr fontId="1"/>
  </si>
  <si>
    <t>保育士</t>
    <rPh sb="0" eb="3">
      <t>ホイクシ</t>
    </rPh>
    <phoneticPr fontId="1"/>
  </si>
  <si>
    <t>看護師</t>
    <rPh sb="0" eb="3">
      <t>カンゴシ</t>
    </rPh>
    <phoneticPr fontId="1"/>
  </si>
  <si>
    <t>子育て支援員</t>
    <rPh sb="0" eb="2">
      <t>コソダ</t>
    </rPh>
    <rPh sb="3" eb="5">
      <t>シエン</t>
    </rPh>
    <rPh sb="5" eb="6">
      <t>イン</t>
    </rPh>
    <phoneticPr fontId="1"/>
  </si>
  <si>
    <t>資格なし</t>
    <rPh sb="0" eb="2">
      <t>シカク</t>
    </rPh>
    <phoneticPr fontId="1"/>
  </si>
  <si>
    <t>③児童の安全の確保を図るため、安全計画を策定しているか。</t>
    <rPh sb="1" eb="3">
      <t>ジドウ</t>
    </rPh>
    <rPh sb="4" eb="6">
      <t>アンゼン</t>
    </rPh>
    <rPh sb="7" eb="9">
      <t>カクホ</t>
    </rPh>
    <rPh sb="10" eb="11">
      <t>ハカ</t>
    </rPh>
    <rPh sb="15" eb="17">
      <t>アンゼン</t>
    </rPh>
    <rPh sb="17" eb="19">
      <t>ケイカク</t>
    </rPh>
    <rPh sb="20" eb="22">
      <t>サクテイ</t>
    </rPh>
    <phoneticPr fontId="1"/>
  </si>
  <si>
    <t>⑤児童の施設外での活動、取組等のための移動その他の児童の移動のために自動車を運行するときは、児童の乗車及び降車の際に、点呼その他の児童の所在を確実に把握することができる方法により、児童の所在を確認しているか。</t>
    <phoneticPr fontId="1"/>
  </si>
  <si>
    <t>⑥児童の送迎を目的とした自動車を日常的に運行するときは、当該自動車にブザーその他の車内の児童の見落としを防止する装置を備え、これを用いて児童の所在の確認を行っているか。</t>
    <rPh sb="68" eb="70">
      <t>ジドウ</t>
    </rPh>
    <phoneticPr fontId="1"/>
  </si>
  <si>
    <t>登園</t>
    <rPh sb="0" eb="2">
      <t>トウエン</t>
    </rPh>
    <phoneticPr fontId="1"/>
  </si>
  <si>
    <t>昼食</t>
    <rPh sb="0" eb="2">
      <t>チュウショク</t>
    </rPh>
    <phoneticPr fontId="1"/>
  </si>
  <si>
    <t>午睡</t>
    <rPh sb="0" eb="2">
      <t>ゴスイ</t>
    </rPh>
    <phoneticPr fontId="1"/>
  </si>
  <si>
    <t>保育従事者数　　名</t>
    <rPh sb="0" eb="2">
      <t>ホイク</t>
    </rPh>
    <rPh sb="2" eb="5">
      <t>ジュウジシャ</t>
    </rPh>
    <rPh sb="5" eb="6">
      <t>スウ</t>
    </rPh>
    <rPh sb="8" eb="9">
      <t>メイ</t>
    </rPh>
    <phoneticPr fontId="1"/>
  </si>
  <si>
    <t>施設長</t>
    <rPh sb="0" eb="2">
      <t>シセツ</t>
    </rPh>
    <rPh sb="2" eb="3">
      <t>チョウ</t>
    </rPh>
    <phoneticPr fontId="1"/>
  </si>
  <si>
    <t>保育士</t>
    <rPh sb="0" eb="3">
      <t>ホイクシ</t>
    </rPh>
    <phoneticPr fontId="1"/>
  </si>
  <si>
    <t>幼稚園教諭</t>
    <rPh sb="0" eb="3">
      <t>ヨウチエン</t>
    </rPh>
    <rPh sb="3" eb="5">
      <t>キョウユ</t>
    </rPh>
    <phoneticPr fontId="1"/>
  </si>
  <si>
    <t>事務員</t>
    <rPh sb="0" eb="3">
      <t>ジムイン</t>
    </rPh>
    <phoneticPr fontId="1"/>
  </si>
  <si>
    <t>用務員</t>
    <rPh sb="0" eb="3">
      <t>ヨウムイン</t>
    </rPh>
    <phoneticPr fontId="1"/>
  </si>
  <si>
    <t>そ</t>
    <phoneticPr fontId="1"/>
  </si>
  <si>
    <t>の</t>
    <phoneticPr fontId="1"/>
  </si>
  <si>
    <t>他</t>
    <rPh sb="0" eb="1">
      <t>ホカ</t>
    </rPh>
    <phoneticPr fontId="1"/>
  </si>
  <si>
    <t>主任保育士</t>
    <rPh sb="0" eb="2">
      <t>シュニン</t>
    </rPh>
    <rPh sb="2" eb="5">
      <t>ホイクシ</t>
    </rPh>
    <phoneticPr fontId="1"/>
  </si>
  <si>
    <t>散歩</t>
    <rPh sb="0" eb="2">
      <t>サンポ</t>
    </rPh>
    <phoneticPr fontId="1"/>
  </si>
  <si>
    <t>　　６　同じ職種で同じ勤務時間の場合は、「（　）名」に人数を入れてください。</t>
    <rPh sb="4" eb="5">
      <t>オナ</t>
    </rPh>
    <rPh sb="6" eb="8">
      <t>ショクシュ</t>
    </rPh>
    <rPh sb="9" eb="10">
      <t>オナ</t>
    </rPh>
    <rPh sb="11" eb="13">
      <t>キンム</t>
    </rPh>
    <rPh sb="13" eb="15">
      <t>ジカン</t>
    </rPh>
    <rPh sb="16" eb="18">
      <t>バアイ</t>
    </rPh>
    <rPh sb="24" eb="25">
      <t>ナ</t>
    </rPh>
    <rPh sb="27" eb="29">
      <t>ニンズウ</t>
    </rPh>
    <rPh sb="30" eb="31">
      <t>イ</t>
    </rPh>
    <phoneticPr fontId="2"/>
  </si>
  <si>
    <t>　　４ 　行が不足する場合は追加してください。</t>
    <rPh sb="5" eb="6">
      <t>ギョウ</t>
    </rPh>
    <rPh sb="7" eb="9">
      <t>フソク</t>
    </rPh>
    <rPh sb="11" eb="13">
      <t>バアイ</t>
    </rPh>
    <rPh sb="14" eb="16">
      <t>ツイカ</t>
    </rPh>
    <phoneticPr fontId="2"/>
  </si>
  <si>
    <t>　　５　実働時間を実線で、休憩時間を点線で、実働時間以外の宿直勤務時間を二重線で表示してください。</t>
    <rPh sb="4" eb="6">
      <t>ジツドウ</t>
    </rPh>
    <rPh sb="6" eb="8">
      <t>ジカン</t>
    </rPh>
    <rPh sb="9" eb="11">
      <t>ジッセン</t>
    </rPh>
    <rPh sb="13" eb="15">
      <t>キュウケイ</t>
    </rPh>
    <rPh sb="15" eb="17">
      <t>ジカン</t>
    </rPh>
    <rPh sb="18" eb="20">
      <t>テンセン</t>
    </rPh>
    <rPh sb="22" eb="24">
      <t>ジツドウ</t>
    </rPh>
    <rPh sb="24" eb="26">
      <t>ジカン</t>
    </rPh>
    <rPh sb="26" eb="28">
      <t>イガイ</t>
    </rPh>
    <rPh sb="29" eb="31">
      <t>シュクチョク</t>
    </rPh>
    <rPh sb="31" eb="33">
      <t>キンム</t>
    </rPh>
    <rPh sb="33" eb="35">
      <t>ジカン</t>
    </rPh>
    <rPh sb="36" eb="39">
      <t>ニジュウセン</t>
    </rPh>
    <rPh sb="40" eb="42">
      <t>ヒョウジ</t>
    </rPh>
    <phoneticPr fontId="2"/>
  </si>
  <si>
    <t>　　７　平日と土曜日の２種類を作成してください。</t>
    <phoneticPr fontId="1"/>
  </si>
  <si>
    <t>　　８　分園を設置しており、平日、土曜日と勤務体制が異なる場合は、４枚（中心園（平日）、中心園（土曜日）、分園（平日）、分園（土曜日））になります。</t>
    <rPh sb="4" eb="5">
      <t>ブン</t>
    </rPh>
    <rPh sb="5" eb="6">
      <t>エン</t>
    </rPh>
    <rPh sb="7" eb="9">
      <t>セッチ</t>
    </rPh>
    <rPh sb="14" eb="16">
      <t>ヘイジツ</t>
    </rPh>
    <rPh sb="17" eb="20">
      <t>ドヨウビ</t>
    </rPh>
    <rPh sb="21" eb="23">
      <t>キンム</t>
    </rPh>
    <rPh sb="23" eb="25">
      <t>タイセイ</t>
    </rPh>
    <rPh sb="26" eb="27">
      <t>コト</t>
    </rPh>
    <rPh sb="29" eb="31">
      <t>バアイ</t>
    </rPh>
    <rPh sb="34" eb="35">
      <t>マイ</t>
    </rPh>
    <rPh sb="36" eb="38">
      <t>チュウシン</t>
    </rPh>
    <rPh sb="38" eb="39">
      <t>エン</t>
    </rPh>
    <rPh sb="39" eb="40">
      <t>ナカゾノ</t>
    </rPh>
    <rPh sb="40" eb="42">
      <t>ヘイジツ</t>
    </rPh>
    <rPh sb="44" eb="46">
      <t>チュウシン</t>
    </rPh>
    <rPh sb="46" eb="47">
      <t>エン</t>
    </rPh>
    <rPh sb="48" eb="50">
      <t>ドヨウ</t>
    </rPh>
    <rPh sb="50" eb="51">
      <t>ビ</t>
    </rPh>
    <rPh sb="53" eb="54">
      <t>ブン</t>
    </rPh>
    <rPh sb="54" eb="55">
      <t>エン</t>
    </rPh>
    <rPh sb="56" eb="58">
      <t>ヘイジツ</t>
    </rPh>
    <rPh sb="60" eb="61">
      <t>ブン</t>
    </rPh>
    <rPh sb="61" eb="62">
      <t>エン</t>
    </rPh>
    <rPh sb="63" eb="66">
      <t>ドヨウビ</t>
    </rPh>
    <phoneticPr fontId="2"/>
  </si>
  <si>
    <t>おやつ</t>
    <phoneticPr fontId="1"/>
  </si>
  <si>
    <t>降園</t>
    <rPh sb="0" eb="2">
      <t>コウエン</t>
    </rPh>
    <phoneticPr fontId="1"/>
  </si>
  <si>
    <t>延長保育</t>
    <rPh sb="0" eb="2">
      <t>エンチョウ</t>
    </rPh>
    <rPh sb="2" eb="4">
      <t>ホイク</t>
    </rPh>
    <phoneticPr fontId="1"/>
  </si>
  <si>
    <t>閉所</t>
    <rPh sb="0" eb="2">
      <t>ヘイショ</t>
    </rPh>
    <phoneticPr fontId="1"/>
  </si>
  <si>
    <t>12:00</t>
  </si>
  <si>
    <t>17:00</t>
    <phoneticPr fontId="1"/>
  </si>
  <si>
    <t>13:00</t>
    <phoneticPr fontId="2"/>
  </si>
  <si>
    <t>( ５ )名</t>
    <phoneticPr fontId="1"/>
  </si>
  <si>
    <t>平常勤務</t>
    <rPh sb="0" eb="2">
      <t>ヘイジョウ</t>
    </rPh>
    <rPh sb="2" eb="4">
      <t>キンム</t>
    </rPh>
    <phoneticPr fontId="1"/>
  </si>
  <si>
    <t>早番</t>
    <rPh sb="0" eb="2">
      <t>ハヤバン</t>
    </rPh>
    <phoneticPr fontId="1"/>
  </si>
  <si>
    <t>( ２ )名</t>
    <phoneticPr fontId="1"/>
  </si>
  <si>
    <t>11:00</t>
    <phoneticPr fontId="2"/>
  </si>
  <si>
    <t>18:00</t>
    <phoneticPr fontId="1"/>
  </si>
  <si>
    <t>19:00</t>
    <phoneticPr fontId="1"/>
  </si>
  <si>
    <t>22:00</t>
    <phoneticPr fontId="1"/>
  </si>
  <si>
    <t>遅番</t>
    <rPh sb="0" eb="2">
      <t>オソバン</t>
    </rPh>
    <phoneticPr fontId="1"/>
  </si>
  <si>
    <t>( ３ )名</t>
    <phoneticPr fontId="1"/>
  </si>
  <si>
    <t>短時間勤務</t>
    <rPh sb="0" eb="3">
      <t>タンジカン</t>
    </rPh>
    <rPh sb="3" eb="5">
      <t>キンム</t>
    </rPh>
    <phoneticPr fontId="1"/>
  </si>
  <si>
    <t>7.00</t>
  </si>
  <si>
    <t>10:00</t>
    <phoneticPr fontId="1"/>
  </si>
  <si>
    <t>1.00</t>
  </si>
  <si>
    <t>6.00</t>
  </si>
  <si>
    <t>( 　 )名</t>
    <phoneticPr fontId="1"/>
  </si>
  <si>
    <t>②苦情解決のための要綱整備、第三者委員の選任、苦情解決体制(担当者、第三者委員の氏名及び連絡先を含む)の周知をしているか。</t>
    <phoneticPr fontId="1"/>
  </si>
  <si>
    <t>①職員は、正当な理由がなく、その業務上知り得た入所者(利用者)又はその家族の秘密を漏らしていないか。</t>
    <rPh sb="21" eb="22">
      <t>エ</t>
    </rPh>
    <phoneticPr fontId="1"/>
  </si>
  <si>
    <t>④保育所の長は、開所時間を変更するときは、あらかじめ当該保育所の所在地の市町村長と協議しているか。</t>
    <rPh sb="8" eb="10">
      <t>カイショ</t>
    </rPh>
    <rPh sb="10" eb="12">
      <t>ジカン</t>
    </rPh>
    <rPh sb="26" eb="28">
      <t>トウガイ</t>
    </rPh>
    <rPh sb="28" eb="30">
      <t>ホイク</t>
    </rPh>
    <rPh sb="30" eb="31">
      <t>ジョ</t>
    </rPh>
    <rPh sb="32" eb="35">
      <t>ショザイチ</t>
    </rPh>
    <rPh sb="36" eb="39">
      <t>シチョウソン</t>
    </rPh>
    <rPh sb="39" eb="40">
      <t>チョウ</t>
    </rPh>
    <phoneticPr fontId="1"/>
  </si>
  <si>
    <t>①保育所の保育方針や目標を踏まえて、全体的な計画を作成しているか。</t>
    <phoneticPr fontId="1"/>
  </si>
  <si>
    <t>②３歳未満児、障害児等について、一人一人の子どもの状態に即した保育が展開できるよう個別の指導計画を作成しているか。</t>
    <phoneticPr fontId="1"/>
  </si>
  <si>
    <t>③３歳以上児については、個の成長と子どもの相互の関係や協同的な活動が促されるよう配慮した指導計画を作成しているか。</t>
    <rPh sb="27" eb="29">
      <t>キョウドウ</t>
    </rPh>
    <phoneticPr fontId="1"/>
  </si>
  <si>
    <t>①保育士等は、保育の計画や保育の記録を通して自らの保育実践を振り返り、自己評価することを通して専門性の向上や保育実践の改善に努めているか。</t>
    <phoneticPr fontId="1"/>
  </si>
  <si>
    <t>①子どもの国籍や文化の違いを認め、互いに尊重する心を育てるようにし、差別的な対応をしないようにしているか。</t>
    <rPh sb="1" eb="2">
      <t>コ</t>
    </rPh>
    <phoneticPr fontId="1"/>
  </si>
  <si>
    <r>
      <t>②感染症の</t>
    </r>
    <r>
      <rPr>
        <sz val="12"/>
        <rFont val="ＭＳ 明朝"/>
        <family val="1"/>
        <charset val="128"/>
      </rPr>
      <t>まん延予防対策は講じられているか。</t>
    </r>
    <rPh sb="7" eb="8">
      <t>エン</t>
    </rPh>
    <rPh sb="8" eb="10">
      <t>ヨボウ</t>
    </rPh>
    <rPh sb="13" eb="14">
      <t>コウ</t>
    </rPh>
    <phoneticPr fontId="1"/>
  </si>
  <si>
    <t>(2)年２回の定期健康診断を適切に実施しているか。</t>
    <rPh sb="3" eb="4">
      <t>ネン</t>
    </rPh>
    <phoneticPr fontId="1"/>
  </si>
  <si>
    <t>④３歳未満児に対する献立、調理（離乳食等）について配慮しているか。</t>
    <phoneticPr fontId="1"/>
  </si>
  <si>
    <t>②３歳以上児に提供する食事を施設外で調理し、搬入する場合は、規則で定める基準を満たしているか。</t>
    <rPh sb="7" eb="9">
      <t>テイキョウ</t>
    </rPh>
    <rPh sb="11" eb="13">
      <t>ショクジ</t>
    </rPh>
    <rPh sb="14" eb="16">
      <t>シセツ</t>
    </rPh>
    <rPh sb="16" eb="17">
      <t>ガイ</t>
    </rPh>
    <rPh sb="18" eb="20">
      <t>チョウリ</t>
    </rPh>
    <rPh sb="22" eb="24">
      <t>ハンニュウ</t>
    </rPh>
    <rPh sb="26" eb="28">
      <t>バアイ</t>
    </rPh>
    <phoneticPr fontId="1"/>
  </si>
  <si>
    <t>①職員配置(保育士、嘱託医、調理員)が児童福祉施設最低基準に定める基準を満たしているか。</t>
    <phoneticPr fontId="1"/>
  </si>
  <si>
    <t>②定員に空きがあり、私的契約児を入所させている場合、すでに入所している児童の保育に支障を生じない範囲となっているか。</t>
    <rPh sb="10" eb="12">
      <t>シテキ</t>
    </rPh>
    <rPh sb="12" eb="14">
      <t>ケイヤク</t>
    </rPh>
    <rPh sb="14" eb="15">
      <t>ジ</t>
    </rPh>
    <rPh sb="16" eb="18">
      <t>ニュウショ</t>
    </rPh>
    <rPh sb="23" eb="25">
      <t>バアイ</t>
    </rPh>
    <phoneticPr fontId="1"/>
  </si>
  <si>
    <t>①児童が明るく、衛生的な環境で利用できる広さ、設備を整えているか。また、常にその設備の向上に努めているか。構造設備は、採光、換気等利用している児童の保健衛生及び児童に対する危害防止に十分な考慮を払っているか。施設の温度、湿度、換気、採光、音などの環境を常に適切な状態に保持するとともに、施設内外の設備及び用具等の衛生管理に努めているか。施設内外の適切な環境の維持に努めるとともに、児童及び全職員が清潔を保つようにしているか。また、職員は衛生知識の向上に努めているか。</t>
    <rPh sb="190" eb="192">
      <t>ジドウ</t>
    </rPh>
    <phoneticPr fontId="1"/>
  </si>
  <si>
    <t>【クラス編成】</t>
    <rPh sb="4" eb="6">
      <t>ヘンセイ</t>
    </rPh>
    <phoneticPr fontId="2"/>
  </si>
  <si>
    <t>令和６年２月１日現在</t>
    <rPh sb="0" eb="2">
      <t>レイワ</t>
    </rPh>
    <rPh sb="3" eb="4">
      <t>ネン</t>
    </rPh>
    <rPh sb="5" eb="6">
      <t>ガツ</t>
    </rPh>
    <rPh sb="7" eb="8">
      <t>ニチ</t>
    </rPh>
    <rPh sb="8" eb="10">
      <t>ゲンザイ</t>
    </rPh>
    <phoneticPr fontId="1"/>
  </si>
  <si>
    <r>
      <t>　内科健康診断の実施状況　　</t>
    </r>
    <r>
      <rPr>
        <sz val="8"/>
        <rFont val="ＭＳ Ｐゴシック"/>
        <family val="3"/>
        <charset val="128"/>
      </rPr>
      <t>欠席などにより後日受診した場合は、その児童数を受診者数欄にカッコ書き（外書き）で記入
　　　　　　　　　　　　　　　　　　　　　　　　　　　して下さい。</t>
    </r>
    <rPh sb="1" eb="3">
      <t>ナイカ</t>
    </rPh>
    <rPh sb="3" eb="7">
      <t>ケンコウシンダン</t>
    </rPh>
    <rPh sb="8" eb="12">
      <t>ジッシジョウキョウ</t>
    </rPh>
    <rPh sb="14" eb="16">
      <t>ケッセキ</t>
    </rPh>
    <rPh sb="21" eb="25">
      <t>アトヒジュシン</t>
    </rPh>
    <rPh sb="27" eb="29">
      <t>バアイ</t>
    </rPh>
    <rPh sb="33" eb="35">
      <t>ジドウ</t>
    </rPh>
    <rPh sb="35" eb="36">
      <t>スウ</t>
    </rPh>
    <rPh sb="37" eb="42">
      <t>ジュシンシャカズラン</t>
    </rPh>
    <rPh sb="46" eb="47">
      <t>カ</t>
    </rPh>
    <rPh sb="49" eb="50">
      <t>ソト</t>
    </rPh>
    <rPh sb="50" eb="51">
      <t>ガ</t>
    </rPh>
    <rPh sb="54" eb="56">
      <t>キニュウ</t>
    </rPh>
    <rPh sb="86" eb="87">
      <t>クダ</t>
    </rPh>
    <phoneticPr fontId="2"/>
  </si>
  <si>
    <t>　乳幼児突然死症候群の事故防止対策</t>
    <rPh sb="1" eb="4">
      <t>ニュウヨウジ</t>
    </rPh>
    <rPh sb="4" eb="7">
      <t>トツゼンシ</t>
    </rPh>
    <rPh sb="7" eb="10">
      <t>ショウコウグン</t>
    </rPh>
    <rPh sb="11" eb="13">
      <t>ジコ</t>
    </rPh>
    <rPh sb="13" eb="15">
      <t>ボウシ</t>
    </rPh>
    <rPh sb="15" eb="17">
      <t>タイサク</t>
    </rPh>
    <phoneticPr fontId="2"/>
  </si>
  <si>
    <t>　安全管理</t>
    <rPh sb="1" eb="3">
      <t>アンゼン</t>
    </rPh>
    <rPh sb="3" eb="5">
      <t>カンリ</t>
    </rPh>
    <phoneticPr fontId="2"/>
  </si>
  <si>
    <t>　食中毒対策</t>
    <rPh sb="1" eb="4">
      <t>ショクチュウドク</t>
    </rPh>
    <rPh sb="4" eb="6">
      <t>タイサク</t>
    </rPh>
    <phoneticPr fontId="1"/>
  </si>
  <si>
    <t>　　給食関係の調査の状況</t>
    <rPh sb="2" eb="4">
      <t>キュウショク</t>
    </rPh>
    <rPh sb="4" eb="6">
      <t>カンケイ</t>
    </rPh>
    <rPh sb="7" eb="9">
      <t>チョウサ</t>
    </rPh>
    <rPh sb="10" eb="12">
      <t>ジョウキョウ</t>
    </rPh>
    <phoneticPr fontId="2"/>
  </si>
  <si>
    <t>令和６年２月１日現在の人数</t>
    <rPh sb="0" eb="2">
      <t>レイワ</t>
    </rPh>
    <rPh sb="3" eb="4">
      <t>ネン</t>
    </rPh>
    <rPh sb="5" eb="6">
      <t>ガツ</t>
    </rPh>
    <rPh sb="7" eb="10">
      <t>ニチゲンザイ</t>
    </rPh>
    <rPh sb="8" eb="10">
      <t>ゲンザイ</t>
    </rPh>
    <rPh sb="11" eb="13">
      <t>ニンズウ</t>
    </rPh>
    <phoneticPr fontId="2"/>
  </si>
  <si>
    <t>保育士</t>
    <rPh sb="0" eb="3">
      <t>ホイクシ</t>
    </rPh>
    <phoneticPr fontId="2"/>
  </si>
  <si>
    <t>保育士とみなした職員（看護師等）</t>
    <rPh sb="0" eb="3">
      <t>ホイクシ</t>
    </rPh>
    <rPh sb="8" eb="10">
      <t>ショクイン</t>
    </rPh>
    <rPh sb="11" eb="14">
      <t>カンゴシ</t>
    </rPh>
    <rPh sb="14" eb="15">
      <t>ナド</t>
    </rPh>
    <phoneticPr fontId="1"/>
  </si>
  <si>
    <t>上記以外の保育従事者</t>
    <rPh sb="0" eb="2">
      <t>ジョウキ</t>
    </rPh>
    <rPh sb="2" eb="4">
      <t>イガイ</t>
    </rPh>
    <rPh sb="5" eb="7">
      <t>ホイク</t>
    </rPh>
    <rPh sb="7" eb="10">
      <t>ジュウジシャ</t>
    </rPh>
    <phoneticPr fontId="1"/>
  </si>
  <si>
    <t>令和５年度　書面指導監査提出資料</t>
    <rPh sb="0" eb="2">
      <t>レイワ</t>
    </rPh>
    <rPh sb="3" eb="5">
      <t>ネンド</t>
    </rPh>
    <rPh sb="6" eb="8">
      <t>ショメン</t>
    </rPh>
    <rPh sb="8" eb="10">
      <t>シドウ</t>
    </rPh>
    <rPh sb="10" eb="12">
      <t>カンサ</t>
    </rPh>
    <rPh sb="12" eb="14">
      <t>テイシュツ</t>
    </rPh>
    <rPh sb="14" eb="16">
      <t>シリョウ</t>
    </rPh>
    <phoneticPr fontId="1"/>
  </si>
  <si>
    <t>県条例第46条ほか</t>
    <rPh sb="0" eb="1">
      <t>ケン</t>
    </rPh>
    <rPh sb="1" eb="3">
      <t>ジョウレイ</t>
    </rPh>
    <rPh sb="3" eb="4">
      <t>ダイ</t>
    </rPh>
    <rPh sb="6" eb="7">
      <t>ジョウ</t>
    </rPh>
    <phoneticPr fontId="1"/>
  </si>
  <si>
    <t>送迎目的の自動車が</t>
    <rPh sb="0" eb="2">
      <t>ソウゲイ</t>
    </rPh>
    <rPh sb="2" eb="4">
      <t>モクテキ</t>
    </rPh>
    <rPh sb="5" eb="8">
      <t>ジドウシャ</t>
    </rPh>
    <phoneticPr fontId="1"/>
  </si>
  <si>
    <t>送迎目的の自動車に見落としを防止する装置を</t>
    <rPh sb="0" eb="2">
      <t>ソウゲイ</t>
    </rPh>
    <rPh sb="2" eb="4">
      <t>モクテキ</t>
    </rPh>
    <rPh sb="5" eb="8">
      <t>ジドウシャ</t>
    </rPh>
    <rPh sb="9" eb="11">
      <t>ミオ</t>
    </rPh>
    <rPh sb="14" eb="16">
      <t>ボウシ</t>
    </rPh>
    <rPh sb="18" eb="20">
      <t>ソウチ</t>
    </rPh>
    <phoneticPr fontId="1"/>
  </si>
  <si>
    <t>メーカー</t>
    <phoneticPr fontId="1"/>
  </si>
  <si>
    <t>型番</t>
    <rPh sb="0" eb="2">
      <t>カタバン</t>
    </rPh>
    <phoneticPr fontId="1"/>
  </si>
  <si>
    <t>ある施設は以下を御回答ください。</t>
    <rPh sb="2" eb="4">
      <t>シセツ</t>
    </rPh>
    <rPh sb="5" eb="7">
      <t>イカ</t>
    </rPh>
    <rPh sb="8" eb="11">
      <t>ゴカイトウ</t>
    </rPh>
    <phoneticPr fontId="1"/>
  </si>
  <si>
    <t>設置予定日　　年　月　日</t>
    <rPh sb="0" eb="2">
      <t>セッチ</t>
    </rPh>
    <rPh sb="2" eb="4">
      <t>ヨテイ</t>
    </rPh>
    <rPh sb="4" eb="5">
      <t>ビ</t>
    </rPh>
    <rPh sb="7" eb="8">
      <t>ネン</t>
    </rPh>
    <rPh sb="9" eb="10">
      <t>ガツ</t>
    </rPh>
    <rPh sb="11" eb="12">
      <t>ニチ</t>
    </rPh>
    <phoneticPr fontId="1"/>
  </si>
  <si>
    <t>※製品のメーカー、型番の分かる書類（写し）と設置状況が分かる写真を御提出ください</t>
    <rPh sb="12" eb="13">
      <t>ワ</t>
    </rPh>
    <rPh sb="18" eb="19">
      <t>ウツ</t>
    </rPh>
    <phoneticPr fontId="1"/>
  </si>
  <si>
    <t>※自動車の運行について、事故を防止するための職員の役割分担等を定めたマニュアル（写し）を御提出ください。</t>
    <rPh sb="1" eb="4">
      <t>ジドウシャ</t>
    </rPh>
    <rPh sb="5" eb="7">
      <t>ウンコウ</t>
    </rPh>
    <rPh sb="12" eb="14">
      <t>ジコ</t>
    </rPh>
    <rPh sb="15" eb="17">
      <t>ボウシ</t>
    </rPh>
    <rPh sb="22" eb="24">
      <t>ショクイン</t>
    </rPh>
    <rPh sb="25" eb="27">
      <t>ヤクワリ</t>
    </rPh>
    <rPh sb="27" eb="29">
      <t>ブンタン</t>
    </rPh>
    <rPh sb="29" eb="30">
      <t>ナド</t>
    </rPh>
    <rPh sb="31" eb="32">
      <t>サダ</t>
    </rPh>
    <rPh sb="40" eb="41">
      <t>ウツ</t>
    </rPh>
    <rPh sb="44" eb="47">
      <t>ゴテイシュツ</t>
    </rPh>
    <phoneticPr fontId="1"/>
  </si>
  <si>
    <r>
      <t>①水道事業により供給される水以外の井戸水等を</t>
    </r>
    <r>
      <rPr>
        <sz val="12"/>
        <rFont val="ＭＳ 明朝"/>
        <family val="1"/>
        <charset val="128"/>
      </rPr>
      <t>飲用に使用する場合には、公的検査機関等に依頼して年2回以上水質検査を行っているか。</t>
    </r>
    <rPh sb="1" eb="3">
      <t>スイドウ</t>
    </rPh>
    <rPh sb="3" eb="5">
      <t>ジギョウ</t>
    </rPh>
    <rPh sb="8" eb="10">
      <t>キョウキュウ</t>
    </rPh>
    <rPh sb="13" eb="14">
      <t>ミズ</t>
    </rPh>
    <rPh sb="14" eb="16">
      <t>イガイ</t>
    </rPh>
    <rPh sb="17" eb="19">
      <t>イド</t>
    </rPh>
    <rPh sb="19" eb="20">
      <t>ミズ</t>
    </rPh>
    <rPh sb="20" eb="21">
      <t>トウ</t>
    </rPh>
    <rPh sb="22" eb="24">
      <t>インヨウ</t>
    </rPh>
    <rPh sb="25" eb="27">
      <t>シヨウ</t>
    </rPh>
    <rPh sb="29" eb="31">
      <t>バアイ</t>
    </rPh>
    <rPh sb="34" eb="36">
      <t>コウテキ</t>
    </rPh>
    <rPh sb="36" eb="38">
      <t>ケンサ</t>
    </rPh>
    <rPh sb="38" eb="40">
      <t>キカン</t>
    </rPh>
    <rPh sb="40" eb="41">
      <t>トウ</t>
    </rPh>
    <rPh sb="42" eb="44">
      <t>イライ</t>
    </rPh>
    <rPh sb="46" eb="47">
      <t>ネン</t>
    </rPh>
    <rPh sb="48" eb="49">
      <t>カイ</t>
    </rPh>
    <rPh sb="51" eb="53">
      <t>スイシツ</t>
    </rPh>
    <rPh sb="53" eb="55">
      <t>ケンサ</t>
    </rPh>
    <rPh sb="56" eb="57">
      <t>オコナ</t>
    </rPh>
    <phoneticPr fontId="1"/>
  </si>
  <si>
    <r>
      <t xml:space="preserve">⑥浸水想定区域や土砂災害警戒区域内の要配慮者利用施設の管理者等は、避難確保計画を作成しているか。
</t>
    </r>
    <r>
      <rPr>
        <sz val="10"/>
        <rFont val="ＭＳ 明朝"/>
        <family val="1"/>
        <charset val="128"/>
      </rPr>
      <t>（浸水想定区域、土砂災害警戒区域内で要配慮者施設として指定されている施設は、右欄の「はい」「いいえ」で回答してください。指定されていない施設は「該当しない」を選択してください）</t>
    </r>
    <rPh sb="1" eb="3">
      <t>シンスイ</t>
    </rPh>
    <rPh sb="3" eb="5">
      <t>ソウテイ</t>
    </rPh>
    <rPh sb="5" eb="7">
      <t>クイキ</t>
    </rPh>
    <rPh sb="8" eb="10">
      <t>ドシャ</t>
    </rPh>
    <rPh sb="10" eb="12">
      <t>サイガイ</t>
    </rPh>
    <rPh sb="12" eb="14">
      <t>ケイカイ</t>
    </rPh>
    <rPh sb="14" eb="16">
      <t>クイキ</t>
    </rPh>
    <rPh sb="16" eb="17">
      <t>ナイ</t>
    </rPh>
    <rPh sb="18" eb="19">
      <t>ヨウ</t>
    </rPh>
    <rPh sb="19" eb="21">
      <t>ハイリョ</t>
    </rPh>
    <rPh sb="21" eb="22">
      <t>シャ</t>
    </rPh>
    <rPh sb="22" eb="24">
      <t>リヨウ</t>
    </rPh>
    <rPh sb="24" eb="26">
      <t>シセツ</t>
    </rPh>
    <rPh sb="27" eb="30">
      <t>カンリシャ</t>
    </rPh>
    <rPh sb="30" eb="31">
      <t>トウ</t>
    </rPh>
    <rPh sb="33" eb="35">
      <t>ヒナン</t>
    </rPh>
    <rPh sb="35" eb="37">
      <t>カクホ</t>
    </rPh>
    <rPh sb="37" eb="39">
      <t>ケイカク</t>
    </rPh>
    <rPh sb="40" eb="42">
      <t>サクセイ</t>
    </rPh>
    <rPh sb="50" eb="52">
      <t>シンスイ</t>
    </rPh>
    <rPh sb="52" eb="54">
      <t>ソウテイ</t>
    </rPh>
    <rPh sb="54" eb="56">
      <t>クイキ</t>
    </rPh>
    <rPh sb="57" eb="59">
      <t>ドシャ</t>
    </rPh>
    <rPh sb="59" eb="61">
      <t>サイガイ</t>
    </rPh>
    <rPh sb="61" eb="63">
      <t>ケイカイ</t>
    </rPh>
    <rPh sb="63" eb="65">
      <t>クイキ</t>
    </rPh>
    <rPh sb="65" eb="66">
      <t>ナイ</t>
    </rPh>
    <rPh sb="67" eb="71">
      <t>ヨウハイリョシャ</t>
    </rPh>
    <rPh sb="71" eb="73">
      <t>シセツ</t>
    </rPh>
    <rPh sb="76" eb="78">
      <t>シテイ</t>
    </rPh>
    <rPh sb="83" eb="85">
      <t>シセツ</t>
    </rPh>
    <rPh sb="87" eb="88">
      <t>ミギ</t>
    </rPh>
    <rPh sb="88" eb="89">
      <t>ラン</t>
    </rPh>
    <rPh sb="100" eb="102">
      <t>カイトウ</t>
    </rPh>
    <rPh sb="109" eb="111">
      <t>シテイ</t>
    </rPh>
    <rPh sb="117" eb="119">
      <t>シセツ</t>
    </rPh>
    <rPh sb="121" eb="123">
      <t>ガイトウ</t>
    </rPh>
    <rPh sb="128" eb="130">
      <t>センタク</t>
    </rPh>
    <phoneticPr fontId="1"/>
  </si>
  <si>
    <r>
      <t>①</t>
    </r>
    <r>
      <rPr>
        <sz val="12"/>
        <rFont val="ＭＳ 明朝"/>
        <family val="1"/>
        <charset val="128"/>
      </rPr>
      <t>５年度</t>
    </r>
    <r>
      <rPr>
        <sz val="12"/>
        <rFont val="ＭＳ 明朝"/>
        <family val="2"/>
        <charset val="128"/>
      </rPr>
      <t>は</t>
    </r>
    <r>
      <rPr>
        <sz val="12"/>
        <rFont val="ＭＳ 明朝"/>
        <family val="1"/>
        <charset val="128"/>
      </rPr>
      <t>令和６年２月１日</t>
    </r>
    <r>
      <rPr>
        <sz val="12"/>
        <rFont val="ＭＳ 明朝"/>
        <family val="2"/>
        <charset val="128"/>
      </rPr>
      <t>現在の状況を記入すること。</t>
    </r>
    <rPh sb="5" eb="7">
      <t>レイワ</t>
    </rPh>
    <rPh sb="8" eb="9">
      <t>ネン</t>
    </rPh>
    <rPh sb="10" eb="11">
      <t>ガツ</t>
    </rPh>
    <rPh sb="12" eb="13">
      <t>ニチ</t>
    </rPh>
    <rPh sb="13" eb="15">
      <t>ゲンザイ</t>
    </rPh>
    <phoneticPr fontId="2"/>
  </si>
  <si>
    <t>②４年度及び５年度の「採用退職の状況」は、常勤職員のみ記入すること。ただし、兼任医師又は嘱託医は常勤とみなして「その他」に記入すること。</t>
    <rPh sb="2" eb="4">
      <t>ネンド</t>
    </rPh>
    <rPh sb="4" eb="5">
      <t>オヨ</t>
    </rPh>
    <rPh sb="7" eb="9">
      <t>ネンド</t>
    </rPh>
    <rPh sb="11" eb="13">
      <t>サイヨウ</t>
    </rPh>
    <rPh sb="13" eb="15">
      <t>タイショク</t>
    </rPh>
    <rPh sb="16" eb="18">
      <t>ジョウキョウ</t>
    </rPh>
    <rPh sb="21" eb="23">
      <t>ジョウキン</t>
    </rPh>
    <rPh sb="23" eb="25">
      <t>ショクイン</t>
    </rPh>
    <rPh sb="27" eb="29">
      <t>キニュウ</t>
    </rPh>
    <rPh sb="38" eb="40">
      <t>ケンニン</t>
    </rPh>
    <rPh sb="40" eb="42">
      <t>イシ</t>
    </rPh>
    <rPh sb="42" eb="43">
      <t>マタ</t>
    </rPh>
    <rPh sb="44" eb="46">
      <t>ショクタク</t>
    </rPh>
    <rPh sb="46" eb="47">
      <t>イ</t>
    </rPh>
    <rPh sb="48" eb="50">
      <t>ジョウキン</t>
    </rPh>
    <rPh sb="61" eb="63">
      <t>キニュウ</t>
    </rPh>
    <phoneticPr fontId="2"/>
  </si>
  <si>
    <r>
      <t>　　 １日の勤務態様および業務内容</t>
    </r>
    <r>
      <rPr>
        <b/>
        <sz val="14"/>
        <rFont val="ＭＳ ゴシック"/>
        <family val="3"/>
        <charset val="128"/>
      </rPr>
      <t>（平日）</t>
    </r>
    <r>
      <rPr>
        <b/>
        <sz val="11"/>
        <rFont val="ＭＳ ゴシック"/>
        <family val="3"/>
        <charset val="128"/>
      </rPr>
      <t>　</t>
    </r>
    <r>
      <rPr>
        <sz val="10"/>
        <rFont val="ＭＳ ゴシック"/>
        <family val="3"/>
        <charset val="128"/>
      </rPr>
      <t>　　　　　　　　　　　　　　　　　　　　　　　　　　　　　　　　　　　　　　　　</t>
    </r>
    <rPh sb="18" eb="20">
      <t>ヘイジツ</t>
    </rPh>
    <phoneticPr fontId="2"/>
  </si>
  <si>
    <t>時間帯による変化</t>
    <phoneticPr fontId="2"/>
  </si>
  <si>
    <r>
      <t>　　 １日の勤務態様および業務内容</t>
    </r>
    <r>
      <rPr>
        <b/>
        <sz val="14"/>
        <rFont val="ＭＳ ゴシック"/>
        <family val="3"/>
        <charset val="128"/>
      </rPr>
      <t>（土曜日）</t>
    </r>
    <r>
      <rPr>
        <b/>
        <sz val="11"/>
        <rFont val="ＭＳ ゴシック"/>
        <family val="3"/>
        <charset val="128"/>
      </rPr>
      <t>　</t>
    </r>
    <r>
      <rPr>
        <sz val="10"/>
        <rFont val="ＭＳ ゴシック"/>
        <family val="3"/>
        <charset val="128"/>
      </rPr>
      <t>　　　　　　　　　　　　　　　　　　　　　　　　　　　　　　　　　　　　　　　　</t>
    </r>
    <rPh sb="18" eb="21">
      <t>ドヨウビ</t>
    </rPh>
    <phoneticPr fontId="2"/>
  </si>
  <si>
    <t>8:30</t>
    <phoneticPr fontId="2"/>
  </si>
  <si>
    <t>6:00</t>
    <phoneticPr fontId="2"/>
  </si>
  <si>
    <t>14:00</t>
    <phoneticPr fontId="2"/>
  </si>
  <si>
    <t>【公立保育所】</t>
    <rPh sb="1" eb="3">
      <t>コウリツ</t>
    </rPh>
    <rPh sb="3" eb="5">
      <t>ホイク</t>
    </rPh>
    <rPh sb="5" eb="6">
      <t>ショ</t>
    </rPh>
    <phoneticPr fontId="1"/>
  </si>
  <si>
    <t>④安全計画について次の取組を行っているか。
・職員に対して安全計画を周知し、研修訓練を行う。
・保護者に対し、安全計画に基づく取組の内容等について周知する。
・定期的に安全計画の見直しを行い、必要に応じて安全計画の変更を行う。</t>
    <rPh sb="1" eb="3">
      <t>アンゼン</t>
    </rPh>
    <rPh sb="3" eb="5">
      <t>ケイカク</t>
    </rPh>
    <rPh sb="9" eb="10">
      <t>ツギ</t>
    </rPh>
    <rPh sb="11" eb="13">
      <t>トリクミ</t>
    </rPh>
    <rPh sb="14" eb="15">
      <t>オコナ</t>
    </rPh>
    <rPh sb="66" eb="68">
      <t>ナイヨウ</t>
    </rPh>
    <rPh sb="68" eb="69">
      <t>ナド</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6" formatCode="&quot;¥&quot;#,##0;[Red]&quot;¥&quot;\-#,##0"/>
    <numFmt numFmtId="176" formatCode="#,##0_ "/>
    <numFmt numFmtId="177" formatCode="0_);[Red]\(0\)"/>
  </numFmts>
  <fonts count="34">
    <font>
      <sz val="12"/>
      <color theme="1"/>
      <name val="ＭＳ 明朝"/>
      <family val="2"/>
      <charset val="128"/>
    </font>
    <font>
      <sz val="6"/>
      <name val="ＭＳ 明朝"/>
      <family val="2"/>
      <charset val="128"/>
    </font>
    <font>
      <sz val="6"/>
      <name val="ＭＳ Ｐゴシック"/>
      <family val="3"/>
      <charset val="128"/>
    </font>
    <font>
      <sz val="11"/>
      <color theme="1"/>
      <name val="ＭＳ 明朝"/>
      <family val="2"/>
      <charset val="128"/>
    </font>
    <font>
      <sz val="9"/>
      <color theme="1"/>
      <name val="ＭＳ 明朝"/>
      <family val="2"/>
      <charset val="128"/>
    </font>
    <font>
      <sz val="9"/>
      <color theme="1"/>
      <name val="ＭＳ 明朝"/>
      <family val="1"/>
      <charset val="128"/>
    </font>
    <font>
      <sz val="10"/>
      <name val="ＭＳ Ｐゴシック"/>
      <family val="3"/>
      <charset val="128"/>
    </font>
    <font>
      <sz val="8"/>
      <name val="ＭＳ Ｐゴシック"/>
      <family val="3"/>
      <charset val="128"/>
    </font>
    <font>
      <sz val="12"/>
      <name val="ＭＳ Ｐゴシック"/>
      <family val="3"/>
      <charset val="128"/>
    </font>
    <font>
      <sz val="9"/>
      <name val="ＭＳ Ｐゴシック"/>
      <family val="3"/>
      <charset val="128"/>
    </font>
    <font>
      <sz val="6"/>
      <name val="ＭＳ Ｐ明朝"/>
      <family val="1"/>
      <charset val="128"/>
    </font>
    <font>
      <sz val="12"/>
      <color theme="1"/>
      <name val="ＭＳ 明朝"/>
      <family val="2"/>
      <charset val="128"/>
    </font>
    <font>
      <sz val="14"/>
      <name val="ＭＳ ゴシック"/>
      <family val="3"/>
      <charset val="128"/>
    </font>
    <font>
      <sz val="12"/>
      <name val="ＭＳ 明朝"/>
      <family val="2"/>
      <charset val="128"/>
    </font>
    <font>
      <sz val="12"/>
      <name val="ＭＳ 明朝"/>
      <family val="1"/>
      <charset val="128"/>
    </font>
    <font>
      <sz val="10"/>
      <name val="ＭＳ 明朝"/>
      <family val="1"/>
      <charset val="128"/>
    </font>
    <font>
      <sz val="12"/>
      <color theme="1"/>
      <name val="ＭＳ Ｐゴシック"/>
      <family val="3"/>
      <charset val="128"/>
      <scheme val="minor"/>
    </font>
    <font>
      <sz val="11"/>
      <name val="ＭＳ Ｐゴシック"/>
      <family val="3"/>
      <charset val="128"/>
    </font>
    <font>
      <sz val="9"/>
      <name val="ＭＳ 明朝"/>
      <family val="1"/>
      <charset val="128"/>
    </font>
    <font>
      <sz val="10"/>
      <name val="ＭＳ 明朝"/>
      <family val="2"/>
      <charset val="128"/>
    </font>
    <font>
      <sz val="10"/>
      <name val="ＭＳ Ｐ明朝"/>
      <family val="1"/>
      <charset val="128"/>
    </font>
    <font>
      <sz val="9"/>
      <color rgb="FF000000"/>
      <name val="Meiryo UI"/>
      <family val="3"/>
      <charset val="128"/>
    </font>
    <font>
      <sz val="11"/>
      <name val="ＭＳ 明朝"/>
      <family val="1"/>
      <charset val="128"/>
    </font>
    <font>
      <sz val="9"/>
      <name val="ＭＳ 明朝"/>
      <family val="2"/>
      <charset val="128"/>
    </font>
    <font>
      <sz val="12"/>
      <color rgb="FFFF0000"/>
      <name val="ＭＳ 明朝"/>
      <family val="1"/>
      <charset val="128"/>
    </font>
    <font>
      <sz val="10"/>
      <color theme="1"/>
      <name val="ＭＳ ゴシック"/>
      <family val="3"/>
      <charset val="128"/>
    </font>
    <font>
      <sz val="10"/>
      <name val="ＭＳ ゴシック"/>
      <family val="3"/>
      <charset val="128"/>
    </font>
    <font>
      <strike/>
      <sz val="10"/>
      <name val="ＭＳ ゴシック"/>
      <family val="3"/>
      <charset val="128"/>
    </font>
    <font>
      <sz val="10"/>
      <color theme="1"/>
      <name val="ＭＳ 明朝"/>
      <family val="2"/>
      <charset val="128"/>
    </font>
    <font>
      <sz val="10"/>
      <color theme="1"/>
      <name val="ＭＳ 明朝"/>
      <family val="1"/>
      <charset val="128"/>
    </font>
    <font>
      <sz val="11"/>
      <name val="ＭＳ 明朝"/>
      <family val="2"/>
      <charset val="128"/>
    </font>
    <font>
      <b/>
      <sz val="14"/>
      <name val="ＭＳ ゴシック"/>
      <family val="3"/>
      <charset val="128"/>
    </font>
    <font>
      <b/>
      <sz val="11"/>
      <name val="ＭＳ ゴシック"/>
      <family val="3"/>
      <charset val="128"/>
    </font>
    <font>
      <sz val="9"/>
      <name val="ＭＳ ゴシック"/>
      <family val="3"/>
      <charset val="128"/>
    </font>
  </fonts>
  <fills count="5">
    <fill>
      <patternFill patternType="none"/>
    </fill>
    <fill>
      <patternFill patternType="gray125"/>
    </fill>
    <fill>
      <patternFill patternType="solid">
        <fgColor theme="5" tint="0.79998168889431442"/>
        <bgColor indexed="64"/>
      </patternFill>
    </fill>
    <fill>
      <patternFill patternType="solid">
        <fgColor theme="9" tint="0.79998168889431442"/>
        <bgColor indexed="64"/>
      </patternFill>
    </fill>
    <fill>
      <patternFill patternType="solid">
        <fgColor theme="6" tint="0.79998168889431442"/>
        <bgColor indexed="64"/>
      </patternFill>
    </fill>
  </fills>
  <borders count="1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style="medium">
        <color indexed="64"/>
      </left>
      <right/>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diagonal/>
    </border>
    <border>
      <left/>
      <right style="medium">
        <color indexed="64"/>
      </right>
      <top/>
      <bottom style="medium">
        <color indexed="64"/>
      </bottom>
      <diagonal/>
    </border>
    <border>
      <left/>
      <right style="medium">
        <color indexed="64"/>
      </right>
      <top/>
      <bottom style="thin">
        <color indexed="64"/>
      </bottom>
      <diagonal/>
    </border>
    <border>
      <left style="thin">
        <color indexed="64"/>
      </left>
      <right style="medium">
        <color indexed="64"/>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medium">
        <color indexed="64"/>
      </left>
      <right style="thin">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Down="1">
      <left style="medium">
        <color indexed="64"/>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left style="medium">
        <color indexed="64"/>
      </left>
      <right style="thin">
        <color indexed="64"/>
      </right>
      <top/>
      <bottom style="thin">
        <color indexed="64"/>
      </bottom>
      <diagonal/>
    </border>
    <border diagonalDown="1">
      <left style="thin">
        <color indexed="64"/>
      </left>
      <right/>
      <top style="medium">
        <color indexed="64"/>
      </top>
      <bottom style="thin">
        <color indexed="64"/>
      </bottom>
      <diagonal style="thin">
        <color indexed="64"/>
      </diagonal>
    </border>
    <border diagonalDown="1">
      <left/>
      <right style="medium">
        <color indexed="64"/>
      </right>
      <top style="medium">
        <color indexed="64"/>
      </top>
      <bottom style="thin">
        <color indexed="64"/>
      </bottom>
      <diagonal style="thin">
        <color indexed="64"/>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diagonalDown="1">
      <left style="medium">
        <color indexed="64"/>
      </left>
      <right/>
      <top style="medium">
        <color indexed="64"/>
      </top>
      <bottom/>
      <diagonal style="thin">
        <color indexed="64"/>
      </diagonal>
    </border>
    <border diagonalDown="1">
      <left/>
      <right/>
      <top style="medium">
        <color indexed="64"/>
      </top>
      <bottom/>
      <diagonal style="thin">
        <color indexed="64"/>
      </diagonal>
    </border>
    <border diagonalDown="1">
      <left/>
      <right style="thin">
        <color indexed="64"/>
      </right>
      <top style="medium">
        <color indexed="64"/>
      </top>
      <bottom/>
      <diagonal style="thin">
        <color indexed="64"/>
      </diagonal>
    </border>
    <border>
      <left style="thin">
        <color indexed="64"/>
      </left>
      <right style="medium">
        <color indexed="64"/>
      </right>
      <top style="medium">
        <color indexed="64"/>
      </top>
      <bottom/>
      <diagonal/>
    </border>
    <border diagonalDown="1">
      <left style="medium">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style="medium">
        <color indexed="64"/>
      </right>
      <top/>
      <bottom/>
      <diagonal/>
    </border>
    <border diagonalDown="1">
      <left style="medium">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medium">
        <color indexed="64"/>
      </left>
      <right style="thin">
        <color indexed="64"/>
      </right>
      <top/>
      <bottom/>
      <diagonal/>
    </border>
    <border>
      <left/>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bottom style="double">
        <color indexed="64"/>
      </bottom>
      <diagonal/>
    </border>
    <border>
      <left style="medium">
        <color indexed="64"/>
      </left>
      <right/>
      <top style="double">
        <color indexed="64"/>
      </top>
      <bottom/>
      <diagonal/>
    </border>
    <border>
      <left/>
      <right style="thin">
        <color indexed="64"/>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diagonalUp="1">
      <left style="thin">
        <color indexed="64"/>
      </left>
      <right style="thin">
        <color indexed="64"/>
      </right>
      <top style="double">
        <color indexed="64"/>
      </top>
      <bottom/>
      <diagonal style="thin">
        <color indexed="64"/>
      </diagonal>
    </border>
    <border diagonalUp="1">
      <left style="thin">
        <color indexed="64"/>
      </left>
      <right style="thin">
        <color indexed="64"/>
      </right>
      <top/>
      <bottom/>
      <diagonal style="thin">
        <color indexed="64"/>
      </diagonal>
    </border>
    <border>
      <left style="medium">
        <color indexed="64"/>
      </left>
      <right/>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diagonalUp="1">
      <left style="thin">
        <color indexed="64"/>
      </left>
      <right style="thin">
        <color indexed="64"/>
      </right>
      <top/>
      <bottom style="double">
        <color indexed="64"/>
      </bottom>
      <diagonal style="thin">
        <color indexed="64"/>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left/>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dotted">
        <color indexed="64"/>
      </left>
      <right/>
      <top style="thin">
        <color indexed="64"/>
      </top>
      <bottom/>
      <diagonal/>
    </border>
    <border>
      <left style="dotted">
        <color indexed="64"/>
      </left>
      <right/>
      <top/>
      <bottom/>
      <diagonal/>
    </border>
    <border>
      <left/>
      <right style="dotted">
        <color indexed="64"/>
      </right>
      <top/>
      <bottom/>
      <diagonal/>
    </border>
    <border>
      <left style="dotted">
        <color indexed="64"/>
      </left>
      <right/>
      <top/>
      <bottom style="thin">
        <color indexed="64"/>
      </bottom>
      <diagonal/>
    </border>
    <border>
      <left/>
      <right style="dotted">
        <color indexed="64"/>
      </right>
      <top/>
      <bottom style="thin">
        <color indexed="64"/>
      </bottom>
      <diagonal/>
    </border>
    <border>
      <left/>
      <right/>
      <top/>
      <bottom style="dotted">
        <color indexed="64"/>
      </bottom>
      <diagonal/>
    </border>
    <border>
      <left/>
      <right/>
      <top/>
      <bottom style="dashed">
        <color auto="1"/>
      </bottom>
      <diagonal/>
    </border>
    <border>
      <left style="hair">
        <color indexed="64"/>
      </left>
      <right style="hair">
        <color indexed="64"/>
      </right>
      <top/>
      <bottom/>
      <diagonal/>
    </border>
    <border>
      <left style="hair">
        <color indexed="64"/>
      </left>
      <right style="hair">
        <color indexed="64"/>
      </right>
      <top/>
      <bottom style="thin">
        <color indexed="64"/>
      </bottom>
      <diagonal/>
    </border>
    <border>
      <left style="dotted">
        <color indexed="64"/>
      </left>
      <right style="dotted">
        <color indexed="64"/>
      </right>
      <top style="thin">
        <color indexed="64"/>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dotted">
        <color indexed="64"/>
      </left>
      <right style="dotted">
        <color indexed="64"/>
      </right>
      <top/>
      <bottom style="dashed">
        <color indexed="64"/>
      </bottom>
      <diagonal/>
    </border>
    <border>
      <left/>
      <right style="dotted">
        <color indexed="64"/>
      </right>
      <top/>
      <bottom style="dashed">
        <color indexed="64"/>
      </bottom>
      <diagonal/>
    </border>
    <border>
      <left/>
      <right style="dotted">
        <color indexed="64"/>
      </right>
      <top style="dashed">
        <color indexed="64"/>
      </top>
      <bottom style="thin">
        <color indexed="64"/>
      </bottom>
      <diagonal/>
    </border>
    <border>
      <left style="hair">
        <color indexed="64"/>
      </left>
      <right/>
      <top/>
      <bottom/>
      <diagonal/>
    </border>
    <border>
      <left style="dashed">
        <color indexed="64"/>
      </left>
      <right/>
      <top/>
      <bottom/>
      <diagonal/>
    </border>
  </borders>
  <cellStyleXfs count="4">
    <xf numFmtId="0" fontId="0" fillId="0" borderId="0">
      <alignment vertical="center"/>
    </xf>
    <xf numFmtId="6" fontId="11" fillId="0" borderId="0" applyFont="0" applyFill="0" applyBorder="0" applyAlignment="0" applyProtection="0">
      <alignment vertical="center"/>
    </xf>
    <xf numFmtId="0" fontId="17" fillId="0" borderId="0">
      <alignment vertical="center"/>
    </xf>
    <xf numFmtId="0" fontId="26" fillId="0" borderId="0"/>
  </cellStyleXfs>
  <cellXfs count="808">
    <xf numFmtId="0" fontId="0" fillId="0" borderId="0" xfId="0">
      <alignment vertical="center"/>
    </xf>
    <xf numFmtId="0" fontId="0" fillId="0" borderId="0" xfId="0" applyBorder="1">
      <alignment vertical="center"/>
    </xf>
    <xf numFmtId="0" fontId="6" fillId="0" borderId="13" xfId="0" applyFont="1" applyFill="1" applyBorder="1" applyAlignment="1">
      <alignment vertical="center"/>
    </xf>
    <xf numFmtId="0" fontId="6" fillId="0" borderId="1" xfId="0" applyFont="1" applyFill="1" applyBorder="1" applyAlignment="1"/>
    <xf numFmtId="0" fontId="6" fillId="0" borderId="29" xfId="0" applyFont="1" applyFill="1" applyBorder="1" applyAlignment="1"/>
    <xf numFmtId="0" fontId="6" fillId="0" borderId="30" xfId="0" applyFont="1" applyFill="1" applyBorder="1" applyAlignment="1"/>
    <xf numFmtId="0" fontId="6" fillId="0" borderId="8" xfId="0" applyFont="1" applyFill="1" applyBorder="1" applyAlignment="1"/>
    <xf numFmtId="0" fontId="6" fillId="0" borderId="31" xfId="0" applyFont="1" applyFill="1" applyBorder="1" applyAlignment="1"/>
    <xf numFmtId="0" fontId="6" fillId="0" borderId="42" xfId="0" applyFont="1" applyFill="1" applyBorder="1" applyAlignment="1"/>
    <xf numFmtId="0" fontId="6" fillId="0" borderId="37" xfId="0" applyFont="1" applyFill="1" applyBorder="1" applyAlignment="1"/>
    <xf numFmtId="0" fontId="6" fillId="0" borderId="27" xfId="0" applyFont="1" applyFill="1" applyBorder="1" applyAlignment="1"/>
    <xf numFmtId="0" fontId="8" fillId="0" borderId="0" xfId="0" applyFont="1" applyFill="1" applyAlignment="1"/>
    <xf numFmtId="0" fontId="6" fillId="0" borderId="5" xfId="0" applyFont="1" applyFill="1" applyBorder="1" applyAlignment="1">
      <alignment vertical="center"/>
    </xf>
    <xf numFmtId="0" fontId="6" fillId="0" borderId="4" xfId="0" applyFont="1" applyFill="1" applyBorder="1" applyAlignment="1">
      <alignment vertical="center"/>
    </xf>
    <xf numFmtId="0" fontId="6" fillId="0" borderId="8" xfId="0" applyFont="1" applyFill="1" applyBorder="1" applyAlignment="1">
      <alignment vertical="center"/>
    </xf>
    <xf numFmtId="0" fontId="6" fillId="0" borderId="4" xfId="0" applyFont="1" applyFill="1" applyBorder="1" applyAlignment="1">
      <alignment horizontal="left" vertical="top"/>
    </xf>
    <xf numFmtId="0" fontId="6" fillId="0" borderId="9" xfId="0" applyFont="1" applyFill="1" applyBorder="1" applyAlignment="1">
      <alignment vertical="center"/>
    </xf>
    <xf numFmtId="0" fontId="6" fillId="0" borderId="6" xfId="0" applyFont="1" applyFill="1" applyBorder="1" applyAlignment="1">
      <alignment vertical="center"/>
    </xf>
    <xf numFmtId="0" fontId="6" fillId="0" borderId="49" xfId="0" applyFont="1" applyFill="1" applyBorder="1" applyAlignment="1">
      <alignment vertical="center"/>
    </xf>
    <xf numFmtId="0" fontId="6" fillId="0" borderId="0" xfId="0" applyFont="1" applyFill="1" applyBorder="1" applyAlignment="1">
      <alignment horizontal="left" vertical="center"/>
    </xf>
    <xf numFmtId="0" fontId="8" fillId="0" borderId="0" xfId="0" applyFont="1" applyFill="1" applyBorder="1" applyAlignment="1">
      <alignment horizontal="right"/>
    </xf>
    <xf numFmtId="0" fontId="8" fillId="0" borderId="0" xfId="0" applyFont="1" applyFill="1" applyBorder="1" applyAlignment="1"/>
    <xf numFmtId="0" fontId="6" fillId="0" borderId="15" xfId="0" applyFont="1" applyFill="1" applyBorder="1" applyAlignment="1"/>
    <xf numFmtId="0" fontId="6" fillId="0" borderId="2" xfId="0" applyFont="1" applyFill="1" applyBorder="1" applyAlignment="1"/>
    <xf numFmtId="0" fontId="9" fillId="0" borderId="3" xfId="0" applyFont="1" applyFill="1" applyBorder="1" applyAlignment="1"/>
    <xf numFmtId="0" fontId="6" fillId="0" borderId="1" xfId="0" applyFont="1" applyFill="1" applyBorder="1" applyAlignment="1">
      <alignment horizontal="center" vertical="center"/>
    </xf>
    <xf numFmtId="177" fontId="8" fillId="0" borderId="11" xfId="1" applyNumberFormat="1" applyFont="1" applyFill="1" applyBorder="1" applyAlignment="1"/>
    <xf numFmtId="176" fontId="8" fillId="0" borderId="22" xfId="0" applyNumberFormat="1" applyFont="1" applyFill="1" applyBorder="1" applyAlignment="1"/>
    <xf numFmtId="176" fontId="8" fillId="0" borderId="2" xfId="0" applyNumberFormat="1" applyFont="1" applyFill="1" applyBorder="1" applyAlignment="1"/>
    <xf numFmtId="176" fontId="8" fillId="0" borderId="1" xfId="0" applyNumberFormat="1" applyFont="1" applyFill="1" applyBorder="1" applyAlignment="1"/>
    <xf numFmtId="0" fontId="9" fillId="0" borderId="15" xfId="0" applyFont="1" applyFill="1" applyBorder="1" applyAlignment="1"/>
    <xf numFmtId="176" fontId="8" fillId="0" borderId="24" xfId="0" applyNumberFormat="1" applyFont="1" applyFill="1" applyBorder="1" applyAlignment="1"/>
    <xf numFmtId="0" fontId="9" fillId="0" borderId="6" xfId="0" applyFont="1" applyFill="1" applyBorder="1" applyAlignment="1">
      <alignment horizontal="center" vertical="center" shrinkToFit="1"/>
    </xf>
    <xf numFmtId="0" fontId="9" fillId="0" borderId="22" xfId="0" applyFont="1" applyFill="1" applyBorder="1" applyAlignment="1">
      <alignment horizontal="center" vertical="center" shrinkToFit="1"/>
    </xf>
    <xf numFmtId="0" fontId="9" fillId="0" borderId="2" xfId="0" applyFont="1" applyFill="1" applyBorder="1" applyAlignment="1">
      <alignment horizontal="center" vertical="center" shrinkToFit="1"/>
    </xf>
    <xf numFmtId="0" fontId="9" fillId="0" borderId="24" xfId="0" applyFont="1" applyFill="1" applyBorder="1" applyAlignment="1">
      <alignment horizontal="center" vertical="center" shrinkToFit="1"/>
    </xf>
    <xf numFmtId="0" fontId="6" fillId="0" borderId="4" xfId="0" applyFont="1" applyFill="1" applyBorder="1" applyAlignment="1"/>
    <xf numFmtId="0" fontId="6" fillId="0" borderId="10" xfId="0" applyFont="1" applyFill="1" applyBorder="1" applyAlignment="1"/>
    <xf numFmtId="0" fontId="6" fillId="0" borderId="40" xfId="0" applyFont="1" applyFill="1" applyBorder="1" applyAlignment="1"/>
    <xf numFmtId="0" fontId="6" fillId="0" borderId="0" xfId="0" applyFont="1" applyFill="1" applyAlignment="1">
      <alignment horizontal="left" vertical="top"/>
    </xf>
    <xf numFmtId="0" fontId="6" fillId="0" borderId="33" xfId="0" applyFont="1" applyFill="1" applyBorder="1" applyAlignment="1"/>
    <xf numFmtId="0" fontId="6" fillId="0" borderId="49" xfId="0" applyFont="1" applyFill="1" applyBorder="1" applyAlignment="1"/>
    <xf numFmtId="0" fontId="6" fillId="0" borderId="21" xfId="0" applyFont="1" applyFill="1" applyBorder="1" applyAlignment="1">
      <alignment vertical="top"/>
    </xf>
    <xf numFmtId="0" fontId="6" fillId="0" borderId="0" xfId="0" applyFont="1" applyFill="1" applyBorder="1" applyAlignment="1">
      <alignment vertical="top"/>
    </xf>
    <xf numFmtId="0" fontId="6" fillId="0" borderId="0" xfId="0" applyFont="1" applyFill="1" applyBorder="1" applyAlignment="1">
      <alignment wrapText="1"/>
    </xf>
    <xf numFmtId="0" fontId="6" fillId="0" borderId="31" xfId="0" applyFont="1" applyFill="1" applyBorder="1" applyAlignment="1">
      <alignment horizontal="center" vertical="center"/>
    </xf>
    <xf numFmtId="0" fontId="6" fillId="0" borderId="50" xfId="0" applyFont="1" applyFill="1" applyBorder="1" applyAlignment="1">
      <alignment horizontal="center" vertical="center"/>
    </xf>
    <xf numFmtId="0" fontId="6" fillId="0" borderId="16" xfId="0" applyFont="1" applyFill="1" applyBorder="1" applyAlignment="1">
      <alignment horizontal="center" vertical="center"/>
    </xf>
    <xf numFmtId="0" fontId="6" fillId="0" borderId="41" xfId="0" applyFont="1" applyFill="1" applyBorder="1" applyAlignment="1">
      <alignment vertical="center"/>
    </xf>
    <xf numFmtId="0" fontId="6" fillId="0" borderId="4" xfId="0" applyFont="1" applyFill="1" applyBorder="1" applyAlignment="1">
      <alignment vertical="top"/>
    </xf>
    <xf numFmtId="0" fontId="6" fillId="0" borderId="35" xfId="0" applyFont="1" applyFill="1" applyBorder="1" applyAlignment="1"/>
    <xf numFmtId="0" fontId="6" fillId="0" borderId="13" xfId="0" applyFont="1" applyFill="1" applyBorder="1" applyAlignment="1">
      <alignment vertical="top"/>
    </xf>
    <xf numFmtId="0" fontId="13" fillId="0" borderId="0" xfId="0" applyFont="1">
      <alignment vertical="center"/>
    </xf>
    <xf numFmtId="0" fontId="13" fillId="0" borderId="0" xfId="0" applyFont="1" applyBorder="1">
      <alignment vertical="center"/>
    </xf>
    <xf numFmtId="0" fontId="13" fillId="0" borderId="0" xfId="0" applyFont="1" applyAlignment="1">
      <alignment horizontal="center" vertical="center"/>
    </xf>
    <xf numFmtId="0" fontId="15" fillId="0" borderId="0" xfId="0" applyFont="1" applyBorder="1" applyAlignment="1">
      <alignment vertical="center" wrapText="1"/>
    </xf>
    <xf numFmtId="0" fontId="19" fillId="0" borderId="0" xfId="0" applyFont="1" applyBorder="1" applyAlignment="1">
      <alignment vertical="center" wrapText="1"/>
    </xf>
    <xf numFmtId="0" fontId="20" fillId="0" borderId="0" xfId="0" applyFont="1" applyBorder="1" applyAlignment="1">
      <alignment horizontal="left" vertical="top" shrinkToFit="1"/>
    </xf>
    <xf numFmtId="0" fontId="13" fillId="0" borderId="0" xfId="0" applyFont="1" applyBorder="1" applyAlignment="1">
      <alignment horizontal="center" vertical="center"/>
    </xf>
    <xf numFmtId="0" fontId="13" fillId="0" borderId="0" xfId="0" applyFont="1" applyBorder="1" applyAlignment="1">
      <alignment horizontal="left" vertical="top" wrapText="1"/>
    </xf>
    <xf numFmtId="0" fontId="18" fillId="0" borderId="0" xfId="0" applyFont="1" applyBorder="1" applyAlignment="1">
      <alignment horizontal="left" vertical="top" wrapText="1"/>
    </xf>
    <xf numFmtId="0" fontId="6" fillId="0" borderId="11" xfId="0" quotePrefix="1" applyFont="1" applyFill="1" applyBorder="1" applyAlignment="1">
      <alignment horizontal="center" vertical="center"/>
    </xf>
    <xf numFmtId="0" fontId="6" fillId="0" borderId="9" xfId="0" quotePrefix="1" applyFont="1" applyFill="1" applyBorder="1" applyAlignment="1">
      <alignment horizontal="center" vertical="center"/>
    </xf>
    <xf numFmtId="0" fontId="6" fillId="0" borderId="1" xfId="0" quotePrefix="1" applyFont="1" applyFill="1" applyBorder="1" applyAlignment="1">
      <alignment horizontal="center" vertical="center"/>
    </xf>
    <xf numFmtId="0" fontId="6" fillId="0" borderId="24" xfId="0" applyFont="1" applyFill="1" applyBorder="1" applyAlignment="1">
      <alignment horizontal="center" vertical="center"/>
    </xf>
    <xf numFmtId="0" fontId="0" fillId="0" borderId="23" xfId="0" applyFill="1" applyBorder="1" applyAlignment="1">
      <alignment horizontal="center" vertical="center"/>
    </xf>
    <xf numFmtId="0" fontId="9" fillId="0" borderId="10" xfId="0" applyFont="1" applyFill="1" applyBorder="1" applyAlignment="1">
      <alignment horizontal="right" vertical="center" wrapText="1"/>
    </xf>
    <xf numFmtId="0" fontId="9" fillId="0" borderId="40" xfId="0" applyFont="1" applyFill="1" applyBorder="1" applyAlignment="1">
      <alignment horizontal="right" vertical="center" wrapText="1"/>
    </xf>
    <xf numFmtId="0" fontId="6" fillId="0" borderId="60" xfId="0" applyFont="1" applyFill="1" applyBorder="1" applyAlignment="1"/>
    <xf numFmtId="0" fontId="8" fillId="0" borderId="11" xfId="0" applyFont="1" applyFill="1" applyBorder="1" applyAlignment="1"/>
    <xf numFmtId="0" fontId="8" fillId="0" borderId="22" xfId="0" applyFont="1" applyFill="1" applyBorder="1" applyAlignment="1"/>
    <xf numFmtId="0" fontId="6" fillId="0" borderId="55" xfId="0" applyFont="1" applyFill="1" applyBorder="1" applyAlignment="1"/>
    <xf numFmtId="0" fontId="8" fillId="0" borderId="1" xfId="0" applyFont="1" applyFill="1" applyBorder="1" applyAlignment="1"/>
    <xf numFmtId="0" fontId="8" fillId="0" borderId="24" xfId="0" applyFont="1" applyFill="1" applyBorder="1" applyAlignment="1"/>
    <xf numFmtId="0" fontId="6" fillId="0" borderId="55" xfId="0" applyFont="1" applyFill="1" applyBorder="1" applyAlignment="1">
      <alignment horizontal="center" vertical="center"/>
    </xf>
    <xf numFmtId="0" fontId="6" fillId="0" borderId="56" xfId="0" applyFont="1" applyFill="1" applyBorder="1" applyAlignment="1">
      <alignment horizontal="center" vertical="center"/>
    </xf>
    <xf numFmtId="0" fontId="8" fillId="0" borderId="50" xfId="0" applyFont="1" applyFill="1" applyBorder="1" applyAlignment="1">
      <alignment horizontal="right"/>
    </xf>
    <xf numFmtId="0" fontId="8" fillId="0" borderId="50" xfId="0" applyFont="1" applyFill="1" applyBorder="1" applyAlignment="1"/>
    <xf numFmtId="0" fontId="8" fillId="0" borderId="57" xfId="0" applyFont="1" applyFill="1" applyBorder="1" applyAlignment="1"/>
    <xf numFmtId="0" fontId="6" fillId="0" borderId="0" xfId="0" applyFont="1" applyFill="1" applyBorder="1" applyAlignment="1">
      <alignment horizontal="left" vertical="top"/>
    </xf>
    <xf numFmtId="0" fontId="6" fillId="0" borderId="0" xfId="0" applyFont="1" applyFill="1" applyBorder="1" applyAlignment="1">
      <alignment horizontal="right"/>
    </xf>
    <xf numFmtId="0" fontId="6" fillId="0" borderId="8" xfId="0" applyFont="1" applyFill="1" applyBorder="1" applyAlignment="1">
      <alignment vertical="center" wrapText="1"/>
    </xf>
    <xf numFmtId="0" fontId="6" fillId="0" borderId="31" xfId="0" applyFont="1" applyFill="1" applyBorder="1" applyAlignment="1">
      <alignment vertical="center"/>
    </xf>
    <xf numFmtId="0" fontId="13" fillId="0" borderId="9" xfId="0" applyFont="1" applyBorder="1" applyAlignment="1">
      <alignment horizontal="center" vertical="center"/>
    </xf>
    <xf numFmtId="0" fontId="9" fillId="0" borderId="8" xfId="0" applyFont="1" applyFill="1" applyBorder="1" applyAlignment="1">
      <alignment vertical="center" wrapText="1"/>
    </xf>
    <xf numFmtId="0" fontId="9" fillId="0" borderId="5" xfId="0" applyFont="1" applyFill="1" applyBorder="1" applyAlignment="1">
      <alignment vertical="center" wrapText="1"/>
    </xf>
    <xf numFmtId="0" fontId="18" fillId="0" borderId="0" xfId="0" applyFont="1" applyAlignment="1">
      <alignment horizontal="left" vertical="center"/>
    </xf>
    <xf numFmtId="0" fontId="13" fillId="0" borderId="0" xfId="0" applyFont="1" applyFill="1">
      <alignment vertical="center"/>
    </xf>
    <xf numFmtId="0" fontId="9" fillId="0" borderId="0" xfId="0" applyFont="1" applyFill="1" applyBorder="1" applyAlignment="1">
      <alignment vertical="center"/>
    </xf>
    <xf numFmtId="0" fontId="9" fillId="0" borderId="8" xfId="0" applyFont="1" applyFill="1" applyBorder="1" applyAlignment="1">
      <alignment vertical="center"/>
    </xf>
    <xf numFmtId="0" fontId="9" fillId="0" borderId="5" xfId="0" applyFont="1" applyFill="1" applyBorder="1" applyAlignment="1">
      <alignment vertical="center"/>
    </xf>
    <xf numFmtId="0" fontId="9" fillId="0" borderId="9" xfId="0" applyFont="1" applyFill="1" applyBorder="1" applyAlignment="1">
      <alignment vertical="center"/>
    </xf>
    <xf numFmtId="0" fontId="9" fillId="0" borderId="7" xfId="0" applyFont="1" applyFill="1" applyBorder="1" applyAlignment="1">
      <alignment vertical="center"/>
    </xf>
    <xf numFmtId="0" fontId="0" fillId="0" borderId="0" xfId="0" applyFill="1">
      <alignment vertical="center"/>
    </xf>
    <xf numFmtId="0" fontId="9" fillId="0" borderId="24" xfId="0" applyFont="1" applyFill="1" applyBorder="1" applyAlignment="1">
      <alignment horizontal="center" vertical="center" wrapText="1"/>
    </xf>
    <xf numFmtId="0" fontId="13" fillId="0" borderId="9" xfId="0" applyFont="1" applyBorder="1" applyAlignment="1">
      <alignment vertical="center"/>
    </xf>
    <xf numFmtId="0" fontId="18" fillId="0" borderId="9" xfId="0" applyFont="1" applyBorder="1" applyAlignment="1">
      <alignment horizontal="left" vertical="center"/>
    </xf>
    <xf numFmtId="0" fontId="6" fillId="0" borderId="0" xfId="0" applyFont="1" applyFill="1" applyAlignment="1"/>
    <xf numFmtId="0" fontId="6" fillId="0" borderId="28" xfId="0" applyFont="1" applyFill="1" applyBorder="1" applyAlignment="1">
      <alignment vertical="center"/>
    </xf>
    <xf numFmtId="0" fontId="0" fillId="0" borderId="0" xfId="0" applyFill="1" applyBorder="1" applyAlignment="1">
      <alignment vertical="center"/>
    </xf>
    <xf numFmtId="0" fontId="0" fillId="0" borderId="28" xfId="0" applyFill="1" applyBorder="1" applyAlignment="1">
      <alignment vertical="center"/>
    </xf>
    <xf numFmtId="0" fontId="6" fillId="0" borderId="0" xfId="0" applyFont="1" applyFill="1" applyBorder="1" applyAlignment="1"/>
    <xf numFmtId="0" fontId="8" fillId="0" borderId="0" xfId="0" applyFont="1" applyFill="1" applyAlignment="1">
      <alignment horizontal="right"/>
    </xf>
    <xf numFmtId="0" fontId="6" fillId="0" borderId="2" xfId="0" applyFont="1" applyFill="1" applyBorder="1" applyAlignment="1">
      <alignment vertical="center"/>
    </xf>
    <xf numFmtId="0" fontId="6" fillId="0" borderId="15" xfId="0" applyFont="1" applyFill="1" applyBorder="1" applyAlignment="1">
      <alignment vertical="center"/>
    </xf>
    <xf numFmtId="0" fontId="6" fillId="0" borderId="15" xfId="0" applyFont="1" applyFill="1" applyBorder="1" applyAlignment="1">
      <alignment horizontal="center" vertical="center"/>
    </xf>
    <xf numFmtId="0" fontId="6" fillId="0" borderId="18" xfId="0" applyFont="1" applyFill="1" applyBorder="1" applyAlignment="1">
      <alignment horizontal="center" vertical="center"/>
    </xf>
    <xf numFmtId="0" fontId="6" fillId="0" borderId="46" xfId="0" applyFont="1" applyFill="1" applyBorder="1" applyAlignment="1">
      <alignment horizontal="center" vertical="center"/>
    </xf>
    <xf numFmtId="0" fontId="6" fillId="0" borderId="0" xfId="0" applyFont="1" applyFill="1" applyBorder="1" applyAlignment="1">
      <alignment vertical="center"/>
    </xf>
    <xf numFmtId="0" fontId="6" fillId="0" borderId="48" xfId="0" applyFont="1" applyFill="1" applyBorder="1" applyAlignment="1">
      <alignment vertical="center"/>
    </xf>
    <xf numFmtId="0" fontId="0" fillId="0" borderId="0" xfId="0" applyFill="1" applyBorder="1" applyAlignment="1">
      <alignment vertical="center"/>
    </xf>
    <xf numFmtId="0" fontId="6" fillId="0" borderId="21" xfId="0" applyFont="1" applyFill="1" applyBorder="1" applyAlignment="1">
      <alignment vertical="center"/>
    </xf>
    <xf numFmtId="0" fontId="6" fillId="0" borderId="0" xfId="0" applyFont="1" applyFill="1" applyAlignment="1">
      <alignment vertical="center"/>
    </xf>
    <xf numFmtId="0" fontId="6" fillId="0" borderId="0" xfId="0" applyFont="1" applyFill="1" applyBorder="1" applyAlignment="1"/>
    <xf numFmtId="0" fontId="9" fillId="0" borderId="1" xfId="0" applyFont="1" applyFill="1" applyBorder="1" applyAlignment="1"/>
    <xf numFmtId="0" fontId="16" fillId="0" borderId="0" xfId="0" applyFont="1" applyFill="1">
      <alignment vertical="center"/>
    </xf>
    <xf numFmtId="0" fontId="25" fillId="0" borderId="0" xfId="0" applyFont="1" applyFill="1">
      <alignment vertical="center"/>
    </xf>
    <xf numFmtId="0" fontId="0" fillId="3" borderId="0" xfId="0" applyFill="1" applyBorder="1" applyAlignment="1">
      <alignment horizontal="center" vertical="center"/>
    </xf>
    <xf numFmtId="0" fontId="4" fillId="3" borderId="8" xfId="0" applyFont="1" applyFill="1" applyBorder="1" applyAlignment="1">
      <alignment vertical="center" wrapText="1"/>
    </xf>
    <xf numFmtId="0" fontId="4" fillId="3" borderId="9" xfId="0" applyFont="1" applyFill="1" applyBorder="1" applyAlignment="1">
      <alignment vertical="center" wrapText="1"/>
    </xf>
    <xf numFmtId="0" fontId="0" fillId="3" borderId="15" xfId="0" applyFill="1" applyBorder="1" applyAlignment="1">
      <alignment horizontal="center" vertical="center"/>
    </xf>
    <xf numFmtId="0" fontId="0" fillId="3" borderId="8" xfId="0" applyFill="1" applyBorder="1" applyAlignment="1">
      <alignment vertical="center" wrapText="1"/>
    </xf>
    <xf numFmtId="0" fontId="0" fillId="3" borderId="8" xfId="0" applyFill="1" applyBorder="1" applyAlignment="1">
      <alignment horizontal="center" vertical="center"/>
    </xf>
    <xf numFmtId="0" fontId="0" fillId="3" borderId="9" xfId="0" applyFill="1" applyBorder="1" applyAlignment="1">
      <alignment horizontal="center" vertical="center"/>
    </xf>
    <xf numFmtId="0" fontId="4" fillId="3" borderId="7" xfId="0" applyFont="1" applyFill="1" applyBorder="1" applyAlignment="1">
      <alignment vertical="center" wrapText="1"/>
    </xf>
    <xf numFmtId="0" fontId="5" fillId="3" borderId="15" xfId="0" applyFont="1" applyFill="1" applyBorder="1" applyAlignment="1">
      <alignment horizontal="left" vertical="center" wrapText="1"/>
    </xf>
    <xf numFmtId="0" fontId="4" fillId="3" borderId="14" xfId="0" applyFont="1" applyFill="1" applyBorder="1" applyAlignment="1">
      <alignment vertical="center" wrapText="1"/>
    </xf>
    <xf numFmtId="0" fontId="5" fillId="3" borderId="7" xfId="0" applyFont="1" applyFill="1" applyBorder="1" applyAlignment="1">
      <alignment horizontal="left" vertical="center" wrapText="1"/>
    </xf>
    <xf numFmtId="0" fontId="0" fillId="3" borderId="4" xfId="0" applyFill="1" applyBorder="1" applyAlignment="1">
      <alignment vertical="center"/>
    </xf>
    <xf numFmtId="0" fontId="0" fillId="3" borderId="13" xfId="0" applyFill="1" applyBorder="1" applyAlignment="1">
      <alignment vertical="center"/>
    </xf>
    <xf numFmtId="0" fontId="0" fillId="3" borderId="9" xfId="0" applyFill="1" applyBorder="1" applyAlignment="1">
      <alignment vertical="center" wrapText="1"/>
    </xf>
    <xf numFmtId="0" fontId="13" fillId="3" borderId="0" xfId="0" applyFont="1" applyFill="1" applyBorder="1" applyAlignment="1">
      <alignment vertical="center"/>
    </xf>
    <xf numFmtId="0" fontId="13" fillId="3" borderId="0" xfId="0" applyFont="1" applyFill="1" applyBorder="1" applyAlignment="1">
      <alignment horizontal="center" vertical="center"/>
    </xf>
    <xf numFmtId="0" fontId="18" fillId="3" borderId="8" xfId="0" applyFont="1" applyFill="1" applyBorder="1" applyAlignment="1">
      <alignment horizontal="left" vertical="center"/>
    </xf>
    <xf numFmtId="0" fontId="18" fillId="3" borderId="14" xfId="0" applyFont="1" applyFill="1" applyBorder="1" applyAlignment="1">
      <alignment horizontal="left" vertical="center"/>
    </xf>
    <xf numFmtId="0" fontId="13" fillId="3" borderId="9" xfId="0" applyFont="1" applyFill="1" applyBorder="1" applyAlignment="1">
      <alignment horizontal="center" vertical="center"/>
    </xf>
    <xf numFmtId="0" fontId="18" fillId="3" borderId="9" xfId="0" applyFont="1" applyFill="1" applyBorder="1" applyAlignment="1">
      <alignment horizontal="left" vertical="center"/>
    </xf>
    <xf numFmtId="0" fontId="18" fillId="3" borderId="7" xfId="0" applyFont="1" applyFill="1" applyBorder="1" applyAlignment="1">
      <alignment horizontal="left" vertical="center"/>
    </xf>
    <xf numFmtId="0" fontId="13" fillId="3" borderId="15" xfId="0" applyFont="1" applyFill="1" applyBorder="1" applyAlignment="1">
      <alignment horizontal="center" vertical="center"/>
    </xf>
    <xf numFmtId="0" fontId="18" fillId="3" borderId="15" xfId="0" applyFont="1" applyFill="1" applyBorder="1" applyAlignment="1">
      <alignment horizontal="left" vertical="center" wrapText="1"/>
    </xf>
    <xf numFmtId="0" fontId="18" fillId="3" borderId="3" xfId="0" applyFont="1" applyFill="1" applyBorder="1" applyAlignment="1">
      <alignment horizontal="left" vertical="center" wrapText="1"/>
    </xf>
    <xf numFmtId="0" fontId="13" fillId="3" borderId="8" xfId="0" applyFont="1" applyFill="1" applyBorder="1">
      <alignment vertical="center"/>
    </xf>
    <xf numFmtId="0" fontId="13" fillId="3" borderId="8" xfId="0" applyFont="1" applyFill="1" applyBorder="1" applyAlignment="1">
      <alignment horizontal="center" vertical="center"/>
    </xf>
    <xf numFmtId="0" fontId="18" fillId="3" borderId="5" xfId="0" applyFont="1" applyFill="1" applyBorder="1" applyAlignment="1">
      <alignment horizontal="left" vertical="center" wrapText="1"/>
    </xf>
    <xf numFmtId="0" fontId="18" fillId="3" borderId="8" xfId="0" applyFont="1" applyFill="1" applyBorder="1" applyAlignment="1">
      <alignment horizontal="left" vertical="center" wrapText="1"/>
    </xf>
    <xf numFmtId="0" fontId="18" fillId="3" borderId="14" xfId="0" applyFont="1" applyFill="1" applyBorder="1" applyAlignment="1">
      <alignment horizontal="left" vertical="center" wrapText="1"/>
    </xf>
    <xf numFmtId="0" fontId="18" fillId="3" borderId="1" xfId="0" applyFont="1" applyFill="1" applyBorder="1" applyAlignment="1">
      <alignment horizontal="left" vertical="center" wrapText="1"/>
    </xf>
    <xf numFmtId="0" fontId="13" fillId="3" borderId="8" xfId="0" applyFont="1" applyFill="1" applyBorder="1" applyAlignment="1">
      <alignment vertical="center"/>
    </xf>
    <xf numFmtId="0" fontId="13" fillId="3" borderId="15" xfId="0" applyFont="1" applyFill="1" applyBorder="1">
      <alignment vertical="center"/>
    </xf>
    <xf numFmtId="0" fontId="13" fillId="3" borderId="3" xfId="0" applyFont="1" applyFill="1" applyBorder="1">
      <alignment vertical="center"/>
    </xf>
    <xf numFmtId="0" fontId="20" fillId="3" borderId="8" xfId="0" applyFont="1" applyFill="1" applyBorder="1" applyAlignment="1">
      <alignment horizontal="left" vertical="top" shrinkToFit="1"/>
    </xf>
    <xf numFmtId="0" fontId="18" fillId="3" borderId="15" xfId="0" applyFont="1" applyFill="1" applyBorder="1" applyAlignment="1">
      <alignment horizontal="left" vertical="top" wrapText="1"/>
    </xf>
    <xf numFmtId="0" fontId="18" fillId="3" borderId="5" xfId="0" applyFont="1" applyFill="1" applyBorder="1" applyAlignment="1">
      <alignment horizontal="left" vertical="top" wrapText="1"/>
    </xf>
    <xf numFmtId="0" fontId="13" fillId="3" borderId="15" xfId="0" applyFont="1" applyFill="1" applyBorder="1" applyAlignment="1">
      <alignment vertical="center"/>
    </xf>
    <xf numFmtId="0" fontId="18" fillId="3" borderId="15" xfId="0" applyFont="1" applyFill="1" applyBorder="1" applyAlignment="1">
      <alignment vertical="center" wrapText="1"/>
    </xf>
    <xf numFmtId="0" fontId="18" fillId="3" borderId="5" xfId="0" applyFont="1" applyFill="1" applyBorder="1" applyAlignment="1">
      <alignment vertical="center" wrapText="1"/>
    </xf>
    <xf numFmtId="0" fontId="13" fillId="3" borderId="5" xfId="0" applyFont="1" applyFill="1" applyBorder="1">
      <alignment vertical="center"/>
    </xf>
    <xf numFmtId="0" fontId="18" fillId="3" borderId="9" xfId="0" applyFont="1" applyFill="1" applyBorder="1" applyAlignment="1">
      <alignment vertical="center" wrapText="1"/>
    </xf>
    <xf numFmtId="0" fontId="18" fillId="3" borderId="14" xfId="0" applyFont="1" applyFill="1" applyBorder="1" applyAlignment="1">
      <alignment vertical="center" wrapText="1"/>
    </xf>
    <xf numFmtId="0" fontId="5" fillId="3" borderId="5" xfId="0" applyFont="1" applyFill="1" applyBorder="1" applyAlignment="1">
      <alignment horizontal="left" vertical="center" wrapText="1"/>
    </xf>
    <xf numFmtId="0" fontId="13" fillId="3" borderId="4" xfId="0" applyFont="1" applyFill="1" applyBorder="1" applyAlignment="1">
      <alignment vertical="center"/>
    </xf>
    <xf numFmtId="0" fontId="0" fillId="3" borderId="15" xfId="0" applyFill="1" applyBorder="1" applyAlignment="1">
      <alignment horizontal="left" vertical="center"/>
    </xf>
    <xf numFmtId="0" fontId="18" fillId="3" borderId="0" xfId="0" applyFont="1" applyFill="1" applyBorder="1" applyAlignment="1">
      <alignment vertical="center" wrapText="1"/>
    </xf>
    <xf numFmtId="0" fontId="13" fillId="3" borderId="7" xfId="0" applyFont="1" applyFill="1" applyBorder="1">
      <alignment vertical="center"/>
    </xf>
    <xf numFmtId="0" fontId="13" fillId="3" borderId="4" xfId="0" applyFont="1" applyFill="1" applyBorder="1" applyAlignment="1">
      <alignment horizontal="left" vertical="center"/>
    </xf>
    <xf numFmtId="0" fontId="13" fillId="3" borderId="8" xfId="0" applyFont="1" applyFill="1" applyBorder="1" applyAlignment="1">
      <alignment horizontal="left" vertical="center" wrapText="1"/>
    </xf>
    <xf numFmtId="0" fontId="13" fillId="3" borderId="6" xfId="0" applyFont="1" applyFill="1" applyBorder="1">
      <alignment vertical="center"/>
    </xf>
    <xf numFmtId="0" fontId="13" fillId="3" borderId="9" xfId="0" applyFont="1" applyFill="1" applyBorder="1">
      <alignment vertical="center"/>
    </xf>
    <xf numFmtId="0" fontId="0" fillId="3" borderId="4" xfId="0" applyFill="1" applyBorder="1" applyAlignment="1">
      <alignment horizontal="left" vertical="center"/>
    </xf>
    <xf numFmtId="0" fontId="0" fillId="3" borderId="8" xfId="0" applyFill="1" applyBorder="1" applyAlignment="1">
      <alignment horizontal="left" vertical="center" wrapText="1"/>
    </xf>
    <xf numFmtId="0" fontId="0" fillId="3" borderId="6" xfId="0" applyFill="1" applyBorder="1" applyAlignment="1">
      <alignment horizontal="left" vertical="center"/>
    </xf>
    <xf numFmtId="0" fontId="0" fillId="3" borderId="9" xfId="0" applyFill="1" applyBorder="1" applyAlignment="1">
      <alignment horizontal="left" vertical="center" wrapText="1"/>
    </xf>
    <xf numFmtId="0" fontId="14" fillId="0" borderId="0" xfId="0" applyFont="1">
      <alignment vertical="center"/>
    </xf>
    <xf numFmtId="0" fontId="18" fillId="3" borderId="9" xfId="0" applyFont="1" applyFill="1" applyBorder="1" applyAlignment="1">
      <alignment horizontal="left" vertical="center" wrapText="1"/>
    </xf>
    <xf numFmtId="0" fontId="18" fillId="3" borderId="7" xfId="0" applyFont="1" applyFill="1" applyBorder="1" applyAlignment="1">
      <alignment horizontal="left" vertical="center" wrapText="1"/>
    </xf>
    <xf numFmtId="0" fontId="13" fillId="0" borderId="0" xfId="0" applyFont="1" applyAlignment="1">
      <alignment vertical="center"/>
    </xf>
    <xf numFmtId="0" fontId="18" fillId="3" borderId="0" xfId="0" applyFont="1" applyFill="1" applyBorder="1" applyAlignment="1">
      <alignment horizontal="left" vertical="center" wrapText="1"/>
    </xf>
    <xf numFmtId="0" fontId="18" fillId="3" borderId="14" xfId="0" applyFont="1" applyFill="1" applyBorder="1" applyAlignment="1">
      <alignment horizontal="left" vertical="center" wrapText="1"/>
    </xf>
    <xf numFmtId="0" fontId="14" fillId="0" borderId="0" xfId="0" applyFont="1" applyFill="1">
      <alignment vertical="center"/>
    </xf>
    <xf numFmtId="0" fontId="6" fillId="0" borderId="16" xfId="0" applyFont="1" applyFill="1" applyBorder="1" applyAlignment="1"/>
    <xf numFmtId="0" fontId="6" fillId="0" borderId="20" xfId="0" applyFont="1" applyFill="1" applyBorder="1" applyAlignment="1"/>
    <xf numFmtId="0" fontId="6" fillId="0" borderId="69" xfId="0" applyFont="1" applyFill="1" applyBorder="1" applyAlignment="1"/>
    <xf numFmtId="0" fontId="6" fillId="0" borderId="21" xfId="0" applyFont="1" applyFill="1" applyBorder="1" applyAlignment="1"/>
    <xf numFmtId="0" fontId="6" fillId="0" borderId="13" xfId="0" applyFont="1" applyFill="1" applyBorder="1" applyAlignment="1">
      <alignment horizontal="center"/>
    </xf>
    <xf numFmtId="0" fontId="6" fillId="0" borderId="12" xfId="0" applyFont="1" applyFill="1" applyBorder="1" applyAlignment="1">
      <alignment horizontal="center"/>
    </xf>
    <xf numFmtId="0" fontId="6" fillId="0" borderId="10" xfId="0" applyFont="1" applyFill="1" applyBorder="1" applyAlignment="1">
      <alignment horizontal="center"/>
    </xf>
    <xf numFmtId="0" fontId="6" fillId="0" borderId="73" xfId="0" applyFont="1" applyFill="1" applyBorder="1" applyAlignment="1">
      <alignment horizontal="center"/>
    </xf>
    <xf numFmtId="0" fontId="6" fillId="0" borderId="6" xfId="0" applyFont="1" applyFill="1" applyBorder="1" applyAlignment="1"/>
    <xf numFmtId="0" fontId="6" fillId="0" borderId="11" xfId="0" applyFont="1" applyFill="1" applyBorder="1" applyAlignment="1"/>
    <xf numFmtId="0" fontId="6" fillId="0" borderId="11" xfId="0" applyFont="1" applyFill="1" applyBorder="1" applyAlignment="1">
      <alignment horizontal="center"/>
    </xf>
    <xf numFmtId="0" fontId="6" fillId="0" borderId="22" xfId="0" applyFont="1" applyFill="1" applyBorder="1" applyAlignment="1"/>
    <xf numFmtId="0" fontId="6" fillId="0" borderId="0" xfId="0" applyFont="1" applyFill="1" applyBorder="1" applyAlignment="1">
      <alignment horizontal="center" vertical="center"/>
    </xf>
    <xf numFmtId="0" fontId="6" fillId="0" borderId="12" xfId="0" applyFont="1" applyFill="1" applyBorder="1" applyAlignment="1"/>
    <xf numFmtId="0" fontId="6" fillId="0" borderId="12" xfId="0" applyFont="1" applyFill="1" applyBorder="1" applyAlignment="1">
      <alignment vertical="center"/>
    </xf>
    <xf numFmtId="0" fontId="6" fillId="0" borderId="73" xfId="0" applyFont="1" applyFill="1" applyBorder="1" applyAlignment="1"/>
    <xf numFmtId="0" fontId="6" fillId="0" borderId="1" xfId="0" applyFont="1" applyFill="1" applyBorder="1" applyAlignment="1">
      <alignment vertical="center"/>
    </xf>
    <xf numFmtId="0" fontId="6" fillId="0" borderId="24" xfId="0" applyFont="1" applyFill="1" applyBorder="1" applyAlignment="1"/>
    <xf numFmtId="0" fontId="6" fillId="0" borderId="78" xfId="0" applyFont="1" applyFill="1" applyBorder="1" applyAlignment="1">
      <alignment horizontal="center" vertical="center"/>
    </xf>
    <xf numFmtId="0" fontId="6" fillId="0" borderId="79" xfId="0" applyFont="1" applyFill="1" applyBorder="1" applyAlignment="1">
      <alignment vertical="center"/>
    </xf>
    <xf numFmtId="0" fontId="6" fillId="0" borderId="78" xfId="0" applyFont="1" applyFill="1" applyBorder="1" applyAlignment="1">
      <alignment vertical="center"/>
    </xf>
    <xf numFmtId="0" fontId="6" fillId="0" borderId="80" xfId="0" applyFont="1" applyFill="1" applyBorder="1" applyAlignment="1"/>
    <xf numFmtId="0" fontId="6" fillId="0" borderId="80" xfId="0" applyFont="1" applyFill="1" applyBorder="1" applyAlignment="1">
      <alignment vertical="center"/>
    </xf>
    <xf numFmtId="0" fontId="6" fillId="0" borderId="81" xfId="0" applyFont="1" applyFill="1" applyBorder="1" applyAlignment="1"/>
    <xf numFmtId="0" fontId="6" fillId="0" borderId="3" xfId="0" applyFont="1" applyFill="1" applyBorder="1" applyAlignment="1"/>
    <xf numFmtId="0" fontId="6" fillId="0" borderId="91" xfId="0" applyFont="1" applyFill="1" applyBorder="1" applyAlignment="1">
      <alignment vertical="center"/>
    </xf>
    <xf numFmtId="0" fontId="6" fillId="0" borderId="78" xfId="0" applyFont="1" applyFill="1" applyBorder="1" applyAlignment="1"/>
    <xf numFmtId="0" fontId="6" fillId="0" borderId="93" xfId="0" applyFont="1" applyFill="1" applyBorder="1" applyAlignment="1"/>
    <xf numFmtId="0" fontId="6" fillId="0" borderId="94" xfId="0" applyFont="1" applyFill="1" applyBorder="1" applyAlignment="1"/>
    <xf numFmtId="0" fontId="6" fillId="0" borderId="85" xfId="0" applyFont="1" applyFill="1" applyBorder="1" applyAlignment="1">
      <alignment vertical="center"/>
    </xf>
    <xf numFmtId="0" fontId="6" fillId="0" borderId="96" xfId="0" applyFont="1" applyFill="1" applyBorder="1" applyAlignment="1"/>
    <xf numFmtId="0" fontId="6" fillId="0" borderId="97" xfId="0" applyFont="1" applyFill="1" applyBorder="1" applyAlignment="1"/>
    <xf numFmtId="0" fontId="6" fillId="0" borderId="97" xfId="0" applyFont="1" applyFill="1" applyBorder="1" applyAlignment="1">
      <alignment vertical="center"/>
    </xf>
    <xf numFmtId="0" fontId="6" fillId="0" borderId="98" xfId="0" applyFont="1" applyFill="1" applyBorder="1" applyAlignment="1"/>
    <xf numFmtId="0" fontId="6" fillId="0" borderId="27" xfId="0" applyFont="1" applyFill="1" applyBorder="1" applyAlignment="1">
      <alignment vertical="center"/>
    </xf>
    <xf numFmtId="0" fontId="6" fillId="0" borderId="28" xfId="0" applyFont="1" applyFill="1" applyBorder="1" applyAlignment="1"/>
    <xf numFmtId="0" fontId="6" fillId="0" borderId="29" xfId="0" applyFont="1" applyFill="1" applyBorder="1" applyAlignment="1">
      <alignment vertical="center"/>
    </xf>
    <xf numFmtId="0" fontId="6" fillId="0" borderId="0" xfId="0" applyNumberFormat="1" applyFont="1" applyFill="1" applyAlignment="1">
      <alignment vertical="center"/>
    </xf>
    <xf numFmtId="0" fontId="6" fillId="0" borderId="9" xfId="0" applyFont="1" applyFill="1" applyBorder="1" applyAlignment="1"/>
    <xf numFmtId="0" fontId="26" fillId="0" borderId="0" xfId="3" applyFont="1" applyFill="1"/>
    <xf numFmtId="0" fontId="18" fillId="3" borderId="14" xfId="0" applyFont="1" applyFill="1" applyBorder="1" applyAlignment="1">
      <alignment horizontal="left" vertical="center" wrapText="1"/>
    </xf>
    <xf numFmtId="0" fontId="26" fillId="0" borderId="4" xfId="3" applyFont="1" applyFill="1" applyBorder="1"/>
    <xf numFmtId="0" fontId="26" fillId="0" borderId="8" xfId="3" applyFont="1" applyFill="1" applyBorder="1"/>
    <xf numFmtId="0" fontId="26" fillId="0" borderId="34" xfId="3" applyFont="1" applyFill="1" applyBorder="1"/>
    <xf numFmtId="0" fontId="26" fillId="0" borderId="13" xfId="3" applyFont="1" applyFill="1" applyBorder="1"/>
    <xf numFmtId="0" fontId="26" fillId="0" borderId="0" xfId="3" applyFont="1" applyFill="1" applyBorder="1"/>
    <xf numFmtId="0" fontId="27" fillId="0" borderId="21" xfId="3" applyFont="1" applyFill="1" applyBorder="1"/>
    <xf numFmtId="0" fontId="27" fillId="0" borderId="0" xfId="3" applyFont="1" applyFill="1" applyBorder="1"/>
    <xf numFmtId="0" fontId="26" fillId="0" borderId="6" xfId="3" applyFont="1" applyFill="1" applyBorder="1"/>
    <xf numFmtId="0" fontId="26" fillId="0" borderId="9" xfId="3" applyFont="1" applyFill="1" applyBorder="1"/>
    <xf numFmtId="0" fontId="26" fillId="0" borderId="21" xfId="3" applyFont="1" applyFill="1" applyBorder="1"/>
    <xf numFmtId="0" fontId="6" fillId="0" borderId="0" xfId="0" applyFont="1" applyFill="1" applyAlignment="1">
      <alignment horizontal="right"/>
    </xf>
    <xf numFmtId="0" fontId="6" fillId="0" borderId="51" xfId="0" applyFont="1" applyFill="1" applyBorder="1" applyAlignment="1">
      <alignment vertical="center"/>
    </xf>
    <xf numFmtId="0" fontId="6" fillId="0" borderId="52" xfId="0" applyFont="1" applyFill="1" applyBorder="1" applyAlignment="1">
      <alignment vertical="center"/>
    </xf>
    <xf numFmtId="0" fontId="6" fillId="0" borderId="2" xfId="0" applyFont="1" applyFill="1" applyBorder="1" applyAlignment="1">
      <alignment vertical="center"/>
    </xf>
    <xf numFmtId="0" fontId="6" fillId="0" borderId="15" xfId="0" applyFont="1" applyFill="1" applyBorder="1" applyAlignment="1">
      <alignment vertical="center"/>
    </xf>
    <xf numFmtId="0" fontId="6" fillId="0" borderId="3" xfId="0" applyFont="1" applyFill="1" applyBorder="1" applyAlignment="1">
      <alignment vertical="center"/>
    </xf>
    <xf numFmtId="0" fontId="13" fillId="3" borderId="8" xfId="0" applyFont="1" applyFill="1" applyBorder="1" applyAlignment="1">
      <alignment vertical="center" wrapText="1"/>
    </xf>
    <xf numFmtId="0" fontId="13" fillId="0" borderId="0" xfId="0" applyFont="1" applyBorder="1" applyAlignment="1">
      <alignment horizontal="left" vertical="center" wrapText="1"/>
    </xf>
    <xf numFmtId="0" fontId="13" fillId="0" borderId="8" xfId="0" applyFont="1" applyBorder="1" applyAlignment="1">
      <alignment horizontal="left" vertical="center" wrapText="1"/>
    </xf>
    <xf numFmtId="0" fontId="6" fillId="0" borderId="18" xfId="0" applyFont="1" applyFill="1" applyBorder="1" applyAlignment="1">
      <alignment horizontal="center" vertical="center"/>
    </xf>
    <xf numFmtId="0" fontId="6" fillId="0" borderId="5" xfId="0" applyFont="1" applyFill="1" applyBorder="1" applyAlignment="1">
      <alignment horizontal="center"/>
    </xf>
    <xf numFmtId="0" fontId="6" fillId="0" borderId="7" xfId="0" applyFont="1" applyFill="1" applyBorder="1" applyAlignment="1">
      <alignment horizontal="center"/>
    </xf>
    <xf numFmtId="0" fontId="6" fillId="0" borderId="0" xfId="0" applyFont="1" applyFill="1" applyAlignment="1">
      <alignment vertical="center"/>
    </xf>
    <xf numFmtId="0" fontId="13" fillId="0" borderId="0" xfId="0" applyFont="1" applyFill="1" applyAlignment="1">
      <alignment vertical="center"/>
    </xf>
    <xf numFmtId="0" fontId="6" fillId="0" borderId="14" xfId="0" applyFont="1" applyFill="1" applyBorder="1" applyAlignment="1">
      <alignment horizontal="center" vertical="center"/>
    </xf>
    <xf numFmtId="0" fontId="26" fillId="0" borderId="21" xfId="3" applyFont="1" applyFill="1" applyBorder="1" applyAlignment="1">
      <alignment horizontal="center"/>
    </xf>
    <xf numFmtId="0" fontId="26" fillId="0" borderId="14" xfId="3" applyFont="1" applyFill="1" applyBorder="1" applyAlignment="1">
      <alignment horizontal="center"/>
    </xf>
    <xf numFmtId="0" fontId="23" fillId="0" borderId="0" xfId="0" applyFont="1">
      <alignment vertical="center"/>
    </xf>
    <xf numFmtId="0" fontId="23" fillId="3" borderId="8" xfId="0" applyFont="1" applyFill="1" applyBorder="1" applyAlignment="1">
      <alignment vertical="center" wrapText="1"/>
    </xf>
    <xf numFmtId="0" fontId="23" fillId="3" borderId="14" xfId="0" applyFont="1" applyFill="1" applyBorder="1">
      <alignment vertical="center"/>
    </xf>
    <xf numFmtId="0" fontId="13" fillId="3" borderId="0" xfId="0" applyFont="1" applyFill="1" applyBorder="1">
      <alignment vertical="center"/>
    </xf>
    <xf numFmtId="0" fontId="23" fillId="3" borderId="9" xfId="0" applyFont="1" applyFill="1" applyBorder="1" applyAlignment="1">
      <alignment vertical="center" wrapText="1"/>
    </xf>
    <xf numFmtId="0" fontId="13" fillId="3" borderId="15" xfId="0" applyFont="1" applyFill="1" applyBorder="1" applyAlignment="1">
      <alignment vertical="center" wrapText="1"/>
    </xf>
    <xf numFmtId="0" fontId="23" fillId="3" borderId="15" xfId="0" applyFont="1" applyFill="1" applyBorder="1" applyAlignment="1">
      <alignment vertical="center" wrapText="1"/>
    </xf>
    <xf numFmtId="0" fontId="23" fillId="3" borderId="3" xfId="0" applyFont="1" applyFill="1" applyBorder="1" applyAlignment="1">
      <alignment vertical="center" wrapText="1"/>
    </xf>
    <xf numFmtId="0" fontId="23" fillId="3" borderId="8" xfId="0" applyFont="1" applyFill="1" applyBorder="1">
      <alignment vertical="center"/>
    </xf>
    <xf numFmtId="0" fontId="23" fillId="3" borderId="5" xfId="0" applyFont="1" applyFill="1" applyBorder="1">
      <alignment vertical="center"/>
    </xf>
    <xf numFmtId="0" fontId="23" fillId="3" borderId="0" xfId="0" applyFont="1" applyFill="1" applyBorder="1">
      <alignment vertical="center"/>
    </xf>
    <xf numFmtId="0" fontId="23" fillId="3" borderId="7" xfId="0" applyFont="1" applyFill="1" applyBorder="1">
      <alignment vertical="center"/>
    </xf>
    <xf numFmtId="0" fontId="23" fillId="3" borderId="15" xfId="0" applyFont="1" applyFill="1" applyBorder="1">
      <alignment vertical="center"/>
    </xf>
    <xf numFmtId="0" fontId="23" fillId="3" borderId="5" xfId="0" applyFont="1" applyFill="1" applyBorder="1" applyAlignment="1">
      <alignment vertical="center" wrapText="1"/>
    </xf>
    <xf numFmtId="0" fontId="23" fillId="3" borderId="7" xfId="0" applyFont="1" applyFill="1" applyBorder="1" applyAlignment="1">
      <alignment vertical="center" wrapText="1"/>
    </xf>
    <xf numFmtId="0" fontId="13" fillId="0" borderId="13" xfId="0" applyFont="1" applyBorder="1">
      <alignment vertical="center"/>
    </xf>
    <xf numFmtId="0" fontId="13" fillId="0" borderId="8" xfId="0" applyFont="1" applyBorder="1">
      <alignment vertical="center"/>
    </xf>
    <xf numFmtId="0" fontId="23" fillId="0" borderId="5" xfId="0" applyFont="1" applyBorder="1" applyAlignment="1">
      <alignment vertical="center" wrapText="1"/>
    </xf>
    <xf numFmtId="0" fontId="23" fillId="0" borderId="14" xfId="0" applyFont="1" applyBorder="1" applyAlignment="1">
      <alignment vertical="center" wrapText="1"/>
    </xf>
    <xf numFmtId="0" fontId="13" fillId="0" borderId="4" xfId="0" applyFont="1" applyBorder="1" applyAlignment="1">
      <alignment horizontal="center" vertical="center"/>
    </xf>
    <xf numFmtId="0" fontId="13" fillId="0" borderId="8" xfId="0" applyFont="1" applyBorder="1" applyAlignment="1">
      <alignment horizontal="center" vertical="center"/>
    </xf>
    <xf numFmtId="0" fontId="13" fillId="0" borderId="5" xfId="0" applyFont="1" applyBorder="1" applyAlignment="1">
      <alignment horizontal="center" vertical="center"/>
    </xf>
    <xf numFmtId="0" fontId="13" fillId="0" borderId="13" xfId="0" applyFont="1" applyBorder="1" applyAlignment="1">
      <alignment horizontal="center" vertical="center"/>
    </xf>
    <xf numFmtId="0" fontId="13" fillId="0" borderId="14" xfId="0" applyFont="1" applyBorder="1" applyAlignment="1">
      <alignment horizontal="center" vertical="center"/>
    </xf>
    <xf numFmtId="0" fontId="13" fillId="0" borderId="6" xfId="0" applyFont="1" applyBorder="1" applyAlignment="1">
      <alignment horizontal="center" vertical="center"/>
    </xf>
    <xf numFmtId="0" fontId="13" fillId="0" borderId="7" xfId="0" applyFont="1" applyBorder="1" applyAlignment="1">
      <alignment horizontal="center" vertical="center"/>
    </xf>
    <xf numFmtId="0" fontId="23" fillId="3" borderId="3" xfId="0" applyFont="1" applyFill="1" applyBorder="1" applyAlignment="1">
      <alignment horizontal="center" vertical="center" wrapText="1"/>
    </xf>
    <xf numFmtId="0" fontId="23" fillId="3" borderId="9" xfId="0" applyFont="1" applyFill="1" applyBorder="1">
      <alignment vertical="center"/>
    </xf>
    <xf numFmtId="0" fontId="23" fillId="3" borderId="14" xfId="0" applyFont="1" applyFill="1" applyBorder="1" applyAlignment="1">
      <alignment vertical="center" wrapText="1"/>
    </xf>
    <xf numFmtId="0" fontId="18" fillId="3" borderId="3" xfId="0" applyFont="1" applyFill="1" applyBorder="1" applyAlignment="1">
      <alignment vertical="center" wrapText="1"/>
    </xf>
    <xf numFmtId="0" fontId="18" fillId="0" borderId="8" xfId="0" applyFont="1" applyBorder="1" applyAlignment="1">
      <alignment horizontal="left" vertical="center" wrapText="1"/>
    </xf>
    <xf numFmtId="0" fontId="18" fillId="0" borderId="0" xfId="0" applyFont="1" applyBorder="1" applyAlignment="1">
      <alignment horizontal="left" vertical="center" wrapText="1"/>
    </xf>
    <xf numFmtId="0" fontId="23" fillId="0" borderId="8" xfId="0" applyFont="1" applyBorder="1" applyAlignment="1">
      <alignment horizontal="left" vertical="center" wrapText="1"/>
    </xf>
    <xf numFmtId="0" fontId="23" fillId="0" borderId="0" xfId="0" applyFont="1" applyBorder="1" applyAlignment="1">
      <alignment horizontal="left" vertical="center" wrapText="1"/>
    </xf>
    <xf numFmtId="0" fontId="26" fillId="0" borderId="102" xfId="3" applyFont="1" applyFill="1" applyBorder="1"/>
    <xf numFmtId="0" fontId="26" fillId="0" borderId="0" xfId="3" applyFont="1" applyFill="1" applyBorder="1" applyAlignment="1">
      <alignment horizontal="center"/>
    </xf>
    <xf numFmtId="0" fontId="26" fillId="0" borderId="100" xfId="3" applyFont="1" applyFill="1" applyBorder="1"/>
    <xf numFmtId="0" fontId="15" fillId="0" borderId="8" xfId="0" applyFont="1" applyFill="1" applyBorder="1" applyAlignment="1">
      <alignment vertical="center"/>
    </xf>
    <xf numFmtId="0" fontId="15" fillId="0" borderId="5" xfId="0" applyFont="1" applyFill="1" applyBorder="1" applyAlignment="1">
      <alignment vertical="center"/>
    </xf>
    <xf numFmtId="0" fontId="15" fillId="0" borderId="0" xfId="0" applyFont="1" applyFill="1" applyBorder="1" applyAlignment="1">
      <alignment vertical="center"/>
    </xf>
    <xf numFmtId="0" fontId="15" fillId="0" borderId="14" xfId="0" applyFont="1" applyFill="1" applyBorder="1" applyAlignment="1">
      <alignment vertical="center"/>
    </xf>
    <xf numFmtId="0" fontId="15" fillId="0" borderId="9" xfId="0" applyFont="1" applyFill="1" applyBorder="1" applyAlignment="1">
      <alignment vertical="center"/>
    </xf>
    <xf numFmtId="0" fontId="15" fillId="0" borderId="7" xfId="0" applyFont="1" applyFill="1" applyBorder="1" applyAlignment="1">
      <alignment vertical="center"/>
    </xf>
    <xf numFmtId="0" fontId="15" fillId="0" borderId="15" xfId="0" applyFont="1" applyFill="1" applyBorder="1" applyAlignment="1">
      <alignment vertical="center"/>
    </xf>
    <xf numFmtId="0" fontId="15" fillId="0" borderId="3" xfId="0" applyFont="1" applyFill="1" applyBorder="1" applyAlignment="1">
      <alignment vertical="center"/>
    </xf>
    <xf numFmtId="0" fontId="13" fillId="0" borderId="0" xfId="0" applyFont="1" applyFill="1" applyAlignment="1"/>
    <xf numFmtId="0" fontId="13" fillId="0" borderId="7" xfId="0" applyFont="1" applyFill="1" applyBorder="1" applyAlignment="1">
      <alignment horizontal="center" vertical="center"/>
    </xf>
    <xf numFmtId="0" fontId="13" fillId="0" borderId="0" xfId="0" applyFont="1" applyFill="1" applyBorder="1" applyAlignment="1"/>
    <xf numFmtId="0" fontId="7" fillId="0" borderId="79" xfId="0" applyFont="1" applyFill="1" applyBorder="1" applyAlignment="1">
      <alignment horizontal="left" vertical="center"/>
    </xf>
    <xf numFmtId="0" fontId="26" fillId="0" borderId="20" xfId="3" applyFont="1" applyFill="1" applyBorder="1"/>
    <xf numFmtId="20" fontId="26" fillId="0" borderId="31" xfId="3" applyNumberFormat="1" applyFont="1" applyFill="1" applyBorder="1" applyAlignment="1">
      <alignment horizontal="left"/>
    </xf>
    <xf numFmtId="0" fontId="26" fillId="0" borderId="31" xfId="3" applyFont="1" applyFill="1" applyBorder="1" applyAlignment="1">
      <alignment horizontal="left"/>
    </xf>
    <xf numFmtId="0" fontId="26" fillId="0" borderId="18" xfId="3" applyFont="1" applyFill="1" applyBorder="1"/>
    <xf numFmtId="0" fontId="26" fillId="0" borderId="33" xfId="3" applyFont="1" applyFill="1" applyBorder="1"/>
    <xf numFmtId="0" fontId="26" fillId="0" borderId="14" xfId="3" applyFont="1" applyFill="1" applyBorder="1"/>
    <xf numFmtId="0" fontId="26" fillId="0" borderId="99" xfId="3" applyFont="1" applyFill="1" applyBorder="1"/>
    <xf numFmtId="0" fontId="26" fillId="0" borderId="108" xfId="3" applyFont="1" applyFill="1" applyBorder="1"/>
    <xf numFmtId="0" fontId="33" fillId="0" borderId="99" xfId="3" applyFont="1" applyFill="1" applyBorder="1" applyAlignment="1"/>
    <xf numFmtId="0" fontId="33" fillId="0" borderId="8" xfId="3" applyFont="1" applyFill="1" applyBorder="1" applyAlignment="1"/>
    <xf numFmtId="0" fontId="26" fillId="0" borderId="35" xfId="3" applyFont="1" applyFill="1" applyBorder="1"/>
    <xf numFmtId="0" fontId="26" fillId="0" borderId="109" xfId="3" applyFont="1" applyFill="1" applyBorder="1"/>
    <xf numFmtId="0" fontId="26" fillId="0" borderId="37" xfId="3" applyFont="1" applyFill="1" applyBorder="1"/>
    <xf numFmtId="0" fontId="26" fillId="0" borderId="36" xfId="3" applyFont="1" applyFill="1" applyBorder="1"/>
    <xf numFmtId="0" fontId="26" fillId="0" borderId="7" xfId="3" applyFont="1" applyFill="1" applyBorder="1"/>
    <xf numFmtId="0" fontId="26" fillId="0" borderId="110" xfId="3" applyFont="1" applyFill="1" applyBorder="1"/>
    <xf numFmtId="0" fontId="26" fillId="0" borderId="39" xfId="3" applyFont="1" applyFill="1" applyBorder="1"/>
    <xf numFmtId="0" fontId="26" fillId="0" borderId="8" xfId="3" applyFont="1" applyFill="1" applyBorder="1" applyAlignment="1">
      <alignment horizontal="left"/>
    </xf>
    <xf numFmtId="0" fontId="26" fillId="0" borderId="99" xfId="3" applyFont="1" applyFill="1" applyBorder="1" applyAlignment="1">
      <alignment horizontal="left"/>
    </xf>
    <xf numFmtId="0" fontId="26" fillId="0" borderId="10" xfId="3" applyFont="1" applyFill="1" applyBorder="1"/>
    <xf numFmtId="0" fontId="26" fillId="0" borderId="40" xfId="3" applyFont="1" applyFill="1" applyBorder="1"/>
    <xf numFmtId="0" fontId="26" fillId="0" borderId="11" xfId="3" applyFont="1" applyFill="1" applyBorder="1"/>
    <xf numFmtId="0" fontId="26" fillId="0" borderId="22" xfId="3" applyFont="1" applyFill="1" applyBorder="1"/>
    <xf numFmtId="0" fontId="26" fillId="0" borderId="12" xfId="3" applyFont="1" applyFill="1" applyBorder="1"/>
    <xf numFmtId="0" fontId="26" fillId="0" borderId="73" xfId="3" applyFont="1" applyFill="1" applyBorder="1"/>
    <xf numFmtId="49" fontId="26" fillId="0" borderId="101" xfId="3" applyNumberFormat="1" applyFont="1" applyFill="1" applyBorder="1"/>
    <xf numFmtId="49" fontId="26" fillId="0" borderId="100" xfId="3" applyNumberFormat="1" applyFont="1" applyFill="1" applyBorder="1"/>
    <xf numFmtId="49" fontId="26" fillId="0" borderId="0" xfId="3" applyNumberFormat="1" applyFont="1" applyFill="1" applyBorder="1"/>
    <xf numFmtId="0" fontId="26" fillId="0" borderId="106" xfId="3" applyFont="1" applyFill="1" applyBorder="1"/>
    <xf numFmtId="49" fontId="26" fillId="0" borderId="0" xfId="3" applyNumberFormat="1" applyFont="1" applyFill="1"/>
    <xf numFmtId="0" fontId="27" fillId="0" borderId="14" xfId="3" applyFont="1" applyFill="1" applyBorder="1"/>
    <xf numFmtId="0" fontId="26" fillId="0" borderId="5" xfId="3" applyFont="1" applyFill="1" applyBorder="1"/>
    <xf numFmtId="0" fontId="33" fillId="0" borderId="13" xfId="3" applyFont="1" applyFill="1" applyBorder="1"/>
    <xf numFmtId="0" fontId="33" fillId="0" borderId="4" xfId="3" applyFont="1" applyFill="1" applyBorder="1"/>
    <xf numFmtId="49" fontId="26" fillId="0" borderId="102" xfId="3" applyNumberFormat="1" applyFont="1" applyFill="1" applyBorder="1"/>
    <xf numFmtId="49" fontId="26" fillId="0" borderId="9" xfId="3" applyNumberFormat="1" applyFont="1" applyFill="1" applyBorder="1"/>
    <xf numFmtId="49" fontId="26" fillId="0" borderId="107" xfId="3" applyNumberFormat="1" applyFont="1" applyFill="1" applyBorder="1"/>
    <xf numFmtId="20" fontId="26" fillId="0" borderId="111" xfId="3" applyNumberFormat="1" applyFont="1" applyFill="1" applyBorder="1" applyAlignment="1">
      <alignment horizontal="left"/>
    </xf>
    <xf numFmtId="49" fontId="26" fillId="0" borderId="12" xfId="3" applyNumberFormat="1" applyFont="1" applyFill="1" applyBorder="1"/>
    <xf numFmtId="49" fontId="26" fillId="0" borderId="73" xfId="3" applyNumberFormat="1" applyFont="1" applyFill="1" applyBorder="1"/>
    <xf numFmtId="49" fontId="26" fillId="0" borderId="104" xfId="3" applyNumberFormat="1" applyFont="1" applyFill="1" applyBorder="1"/>
    <xf numFmtId="49" fontId="26" fillId="0" borderId="105" xfId="3" applyNumberFormat="1" applyFont="1" applyFill="1" applyBorder="1"/>
    <xf numFmtId="49" fontId="26" fillId="0" borderId="0" xfId="3" applyNumberFormat="1" applyFont="1" applyFill="1" applyBorder="1" applyAlignment="1">
      <alignment horizontal="center"/>
    </xf>
    <xf numFmtId="49" fontId="26" fillId="0" borderId="114" xfId="3" applyNumberFormat="1" applyFont="1" applyFill="1" applyBorder="1"/>
    <xf numFmtId="49" fontId="26" fillId="0" borderId="115" xfId="3" applyNumberFormat="1" applyFont="1" applyFill="1" applyBorder="1"/>
    <xf numFmtId="20" fontId="26" fillId="0" borderId="112" xfId="3" applyNumberFormat="1" applyFont="1" applyFill="1" applyBorder="1" applyAlignment="1">
      <alignment horizontal="left"/>
    </xf>
    <xf numFmtId="20" fontId="26" fillId="0" borderId="0" xfId="3" applyNumberFormat="1" applyFont="1" applyFill="1" applyBorder="1" applyAlignment="1">
      <alignment horizontal="left"/>
    </xf>
    <xf numFmtId="20" fontId="26" fillId="0" borderId="113" xfId="3" applyNumberFormat="1" applyFont="1" applyFill="1" applyBorder="1" applyAlignment="1">
      <alignment horizontal="left"/>
    </xf>
    <xf numFmtId="20" fontId="26" fillId="0" borderId="9" xfId="3" applyNumberFormat="1" applyFont="1" applyFill="1" applyBorder="1"/>
    <xf numFmtId="20" fontId="26" fillId="0" borderId="105" xfId="3" applyNumberFormat="1" applyFont="1" applyFill="1" applyBorder="1" applyAlignment="1">
      <alignment horizontal="left"/>
    </xf>
    <xf numFmtId="20" fontId="26" fillId="0" borderId="9" xfId="3" applyNumberFormat="1" applyFont="1" applyFill="1" applyBorder="1" applyAlignment="1">
      <alignment horizontal="left"/>
    </xf>
    <xf numFmtId="0" fontId="26" fillId="0" borderId="103" xfId="3" applyFont="1" applyFill="1" applyBorder="1"/>
    <xf numFmtId="20" fontId="26" fillId="0" borderId="100" xfId="3" applyNumberFormat="1" applyFont="1" applyFill="1" applyBorder="1"/>
    <xf numFmtId="0" fontId="13" fillId="0" borderId="9" xfId="0" applyFont="1" applyBorder="1" applyAlignment="1">
      <alignment horizontal="center" vertical="center"/>
    </xf>
    <xf numFmtId="0" fontId="13" fillId="0" borderId="4" xfId="0" applyFont="1" applyBorder="1" applyAlignment="1">
      <alignment horizontal="center" vertical="center"/>
    </xf>
    <xf numFmtId="0" fontId="13" fillId="0" borderId="8" xfId="0" applyFont="1" applyBorder="1" applyAlignment="1">
      <alignment horizontal="center" vertical="center"/>
    </xf>
    <xf numFmtId="0" fontId="13" fillId="0" borderId="5" xfId="0" applyFont="1" applyBorder="1" applyAlignment="1">
      <alignment horizontal="center" vertical="center"/>
    </xf>
    <xf numFmtId="0" fontId="13" fillId="0" borderId="13" xfId="0" applyFont="1" applyBorder="1" applyAlignment="1">
      <alignment horizontal="center" vertical="center"/>
    </xf>
    <xf numFmtId="0" fontId="13" fillId="0" borderId="0" xfId="0" applyFont="1" applyBorder="1" applyAlignment="1">
      <alignment horizontal="center" vertical="center"/>
    </xf>
    <xf numFmtId="0" fontId="13" fillId="0" borderId="14" xfId="0" applyFont="1" applyBorder="1" applyAlignment="1">
      <alignment horizontal="center" vertical="center"/>
    </xf>
    <xf numFmtId="0" fontId="13" fillId="0" borderId="6" xfId="0" applyFont="1" applyBorder="1" applyAlignment="1">
      <alignment horizontal="center" vertical="center"/>
    </xf>
    <xf numFmtId="0" fontId="13" fillId="0" borderId="7" xfId="0" applyFont="1" applyBorder="1" applyAlignment="1">
      <alignment horizontal="center" vertical="center"/>
    </xf>
    <xf numFmtId="0" fontId="15" fillId="0" borderId="13" xfId="0" applyFont="1" applyFill="1" applyBorder="1" applyAlignment="1">
      <alignment horizontal="right" vertical="center" shrinkToFit="1"/>
    </xf>
    <xf numFmtId="0" fontId="15" fillId="0" borderId="0" xfId="0" applyFont="1" applyFill="1" applyBorder="1" applyAlignment="1">
      <alignment horizontal="right" vertical="center" shrinkToFit="1"/>
    </xf>
    <xf numFmtId="0" fontId="15" fillId="0" borderId="14" xfId="0" applyFont="1" applyFill="1" applyBorder="1" applyAlignment="1">
      <alignment horizontal="right" vertical="center" shrinkToFit="1"/>
    </xf>
    <xf numFmtId="0" fontId="22" fillId="0" borderId="13" xfId="0" applyFont="1" applyFill="1" applyBorder="1" applyAlignment="1">
      <alignment vertical="center" wrapText="1"/>
    </xf>
    <xf numFmtId="0" fontId="22" fillId="0" borderId="0" xfId="0" applyFont="1" applyFill="1" applyBorder="1" applyAlignment="1">
      <alignment vertical="center" wrapText="1"/>
    </xf>
    <xf numFmtId="0" fontId="22" fillId="0" borderId="14" xfId="0" applyFont="1" applyFill="1" applyBorder="1" applyAlignment="1">
      <alignment vertical="center" wrapText="1"/>
    </xf>
    <xf numFmtId="0" fontId="15" fillId="0" borderId="13" xfId="0" applyFont="1" applyFill="1" applyBorder="1" applyAlignment="1">
      <alignment vertical="center" wrapText="1"/>
    </xf>
    <xf numFmtId="0" fontId="15" fillId="0" borderId="0" xfId="0" applyFont="1" applyFill="1" applyBorder="1" applyAlignment="1">
      <alignment vertical="center" wrapText="1"/>
    </xf>
    <xf numFmtId="0" fontId="15" fillId="0" borderId="14" xfId="0" applyFont="1" applyFill="1" applyBorder="1" applyAlignment="1">
      <alignment vertical="center" wrapText="1"/>
    </xf>
    <xf numFmtId="0" fontId="13" fillId="3" borderId="13" xfId="0" applyFont="1" applyFill="1" applyBorder="1" applyAlignment="1">
      <alignment horizontal="left" vertical="center"/>
    </xf>
    <xf numFmtId="0" fontId="13" fillId="3" borderId="0" xfId="0" applyFont="1" applyFill="1" applyBorder="1" applyAlignment="1">
      <alignment horizontal="left" vertical="center"/>
    </xf>
    <xf numFmtId="0" fontId="13" fillId="0" borderId="4" xfId="0" applyFont="1" applyBorder="1" applyAlignment="1">
      <alignment horizontal="center" vertical="center"/>
    </xf>
    <xf numFmtId="0" fontId="13" fillId="0" borderId="8" xfId="0" applyFont="1" applyBorder="1" applyAlignment="1">
      <alignment horizontal="center" vertical="center"/>
    </xf>
    <xf numFmtId="0" fontId="13" fillId="0" borderId="5" xfId="0" applyFont="1" applyBorder="1" applyAlignment="1">
      <alignment horizontal="center" vertical="center"/>
    </xf>
    <xf numFmtId="0" fontId="13" fillId="0" borderId="13" xfId="0" applyFont="1" applyBorder="1" applyAlignment="1">
      <alignment horizontal="center" vertical="center"/>
    </xf>
    <xf numFmtId="0" fontId="13" fillId="0" borderId="0" xfId="0" applyFont="1" applyBorder="1" applyAlignment="1">
      <alignment horizontal="center" vertical="center"/>
    </xf>
    <xf numFmtId="0" fontId="13" fillId="0" borderId="14" xfId="0" applyFont="1" applyBorder="1" applyAlignment="1">
      <alignment horizontal="center" vertical="center"/>
    </xf>
    <xf numFmtId="0" fontId="13" fillId="0" borderId="6" xfId="0" applyFont="1" applyBorder="1" applyAlignment="1">
      <alignment horizontal="center" vertical="center"/>
    </xf>
    <xf numFmtId="0" fontId="13" fillId="0" borderId="9" xfId="0" applyFont="1" applyBorder="1" applyAlignment="1">
      <alignment horizontal="center" vertical="center"/>
    </xf>
    <xf numFmtId="0" fontId="13" fillId="0" borderId="7" xfId="0" applyFont="1" applyBorder="1" applyAlignment="1">
      <alignment horizontal="center" vertical="center"/>
    </xf>
    <xf numFmtId="0" fontId="13" fillId="0" borderId="4" xfId="0" applyFont="1" applyBorder="1" applyAlignment="1">
      <alignment horizontal="left" vertical="center" wrapText="1"/>
    </xf>
    <xf numFmtId="0" fontId="13" fillId="0" borderId="8" xfId="0" applyFont="1" applyBorder="1" applyAlignment="1">
      <alignment horizontal="left" vertical="center" wrapText="1"/>
    </xf>
    <xf numFmtId="0" fontId="13" fillId="0" borderId="5" xfId="0" applyFont="1" applyBorder="1" applyAlignment="1">
      <alignment horizontal="left" vertical="center" wrapText="1"/>
    </xf>
    <xf numFmtId="0" fontId="13" fillId="0" borderId="13" xfId="0" applyFont="1" applyBorder="1" applyAlignment="1">
      <alignment horizontal="left" vertical="center" wrapText="1"/>
    </xf>
    <xf numFmtId="0" fontId="13" fillId="0" borderId="0" xfId="0" applyFont="1" applyBorder="1" applyAlignment="1">
      <alignment horizontal="left" vertical="center" wrapText="1"/>
    </xf>
    <xf numFmtId="0" fontId="13" fillId="0" borderId="14" xfId="0" applyFont="1" applyBorder="1" applyAlignment="1">
      <alignment horizontal="left" vertical="center" wrapText="1"/>
    </xf>
    <xf numFmtId="0" fontId="13" fillId="0" borderId="6" xfId="0" applyFont="1" applyBorder="1" applyAlignment="1">
      <alignment horizontal="left" vertical="center" wrapText="1"/>
    </xf>
    <xf numFmtId="0" fontId="13" fillId="0" borderId="9" xfId="0" applyFont="1" applyBorder="1" applyAlignment="1">
      <alignment horizontal="left" vertical="center" wrapText="1"/>
    </xf>
    <xf numFmtId="0" fontId="13" fillId="0" borderId="7" xfId="0" applyFont="1" applyBorder="1" applyAlignment="1">
      <alignment horizontal="left" vertical="center" wrapText="1"/>
    </xf>
    <xf numFmtId="0" fontId="13" fillId="3" borderId="4" xfId="0" applyFont="1" applyFill="1" applyBorder="1" applyAlignment="1">
      <alignment horizontal="left" vertical="center" wrapText="1"/>
    </xf>
    <xf numFmtId="0" fontId="13" fillId="3" borderId="8" xfId="0" applyFont="1" applyFill="1" applyBorder="1" applyAlignment="1">
      <alignment horizontal="left" vertical="center" wrapText="1"/>
    </xf>
    <xf numFmtId="0" fontId="13" fillId="3" borderId="4" xfId="0" applyFont="1" applyFill="1" applyBorder="1" applyAlignment="1">
      <alignment horizontal="left" vertical="center"/>
    </xf>
    <xf numFmtId="0" fontId="13" fillId="3" borderId="8" xfId="0" applyFont="1" applyFill="1" applyBorder="1" applyAlignment="1">
      <alignment horizontal="left" vertical="center"/>
    </xf>
    <xf numFmtId="0" fontId="13" fillId="0" borderId="4" xfId="0" applyFont="1" applyFill="1" applyBorder="1" applyAlignment="1">
      <alignment horizontal="left" vertical="center" wrapText="1"/>
    </xf>
    <xf numFmtId="0" fontId="13" fillId="0" borderId="8" xfId="0" applyFont="1" applyFill="1" applyBorder="1" applyAlignment="1">
      <alignment horizontal="left" vertical="center" wrapText="1"/>
    </xf>
    <xf numFmtId="0" fontId="13" fillId="0" borderId="5" xfId="0" applyFont="1" applyFill="1" applyBorder="1" applyAlignment="1">
      <alignment horizontal="left" vertical="center" wrapText="1"/>
    </xf>
    <xf numFmtId="0" fontId="13" fillId="0" borderId="13" xfId="0" applyFont="1" applyFill="1" applyBorder="1" applyAlignment="1">
      <alignment horizontal="left" vertical="center" wrapText="1"/>
    </xf>
    <xf numFmtId="0" fontId="13" fillId="0" borderId="0" xfId="0" applyFont="1" applyFill="1" applyBorder="1" applyAlignment="1">
      <alignment horizontal="left" vertical="center" wrapText="1"/>
    </xf>
    <xf numFmtId="0" fontId="13" fillId="0" borderId="14" xfId="0" applyFont="1" applyFill="1" applyBorder="1" applyAlignment="1">
      <alignment horizontal="left" vertical="center" wrapText="1"/>
    </xf>
    <xf numFmtId="0" fontId="13" fillId="0" borderId="6" xfId="0" applyFont="1" applyFill="1" applyBorder="1" applyAlignment="1">
      <alignment horizontal="left" vertical="center" wrapText="1"/>
    </xf>
    <xf numFmtId="0" fontId="13" fillId="0" borderId="9" xfId="0" applyFont="1" applyFill="1" applyBorder="1" applyAlignment="1">
      <alignment horizontal="left" vertical="center" wrapText="1"/>
    </xf>
    <xf numFmtId="0" fontId="13" fillId="0" borderId="7" xfId="0" applyFont="1" applyFill="1" applyBorder="1" applyAlignment="1">
      <alignment horizontal="left" vertical="center" wrapText="1"/>
    </xf>
    <xf numFmtId="0" fontId="13" fillId="2" borderId="8" xfId="0" applyFont="1" applyFill="1" applyBorder="1" applyAlignment="1">
      <alignment horizontal="center" vertical="center"/>
    </xf>
    <xf numFmtId="0" fontId="13" fillId="2" borderId="5" xfId="0" applyFont="1" applyFill="1" applyBorder="1" applyAlignment="1">
      <alignment horizontal="center" vertical="center"/>
    </xf>
    <xf numFmtId="0" fontId="13" fillId="2" borderId="0" xfId="0" applyFont="1" applyFill="1" applyBorder="1" applyAlignment="1">
      <alignment horizontal="center" vertical="center"/>
    </xf>
    <xf numFmtId="0" fontId="13" fillId="2" borderId="14" xfId="0" applyFont="1" applyFill="1" applyBorder="1" applyAlignment="1">
      <alignment horizontal="center" vertical="center"/>
    </xf>
    <xf numFmtId="0" fontId="13" fillId="2" borderId="9" xfId="0" applyFont="1" applyFill="1" applyBorder="1" applyAlignment="1">
      <alignment horizontal="center" vertical="center"/>
    </xf>
    <xf numFmtId="0" fontId="13" fillId="2" borderId="7" xfId="0" applyFont="1" applyFill="1" applyBorder="1" applyAlignment="1">
      <alignment horizontal="center" vertical="center"/>
    </xf>
    <xf numFmtId="0" fontId="13" fillId="2" borderId="1" xfId="0" applyFont="1" applyFill="1" applyBorder="1" applyAlignment="1">
      <alignment horizontal="center" vertical="center"/>
    </xf>
    <xf numFmtId="0" fontId="14" fillId="0" borderId="4"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5" xfId="0" applyFont="1" applyFill="1" applyBorder="1" applyAlignment="1">
      <alignment horizontal="center" vertical="center"/>
    </xf>
    <xf numFmtId="0" fontId="14" fillId="0" borderId="13"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14" xfId="0" applyFont="1" applyFill="1" applyBorder="1" applyAlignment="1">
      <alignment horizontal="center" vertical="center"/>
    </xf>
    <xf numFmtId="0" fontId="14" fillId="0" borderId="6" xfId="0" applyFont="1" applyFill="1" applyBorder="1" applyAlignment="1">
      <alignment horizontal="center" vertical="center"/>
    </xf>
    <xf numFmtId="0" fontId="14" fillId="0" borderId="9" xfId="0" applyFont="1" applyFill="1" applyBorder="1" applyAlignment="1">
      <alignment horizontal="center" vertical="center"/>
    </xf>
    <xf numFmtId="0" fontId="14" fillId="0" borderId="7" xfId="0" applyFont="1" applyFill="1" applyBorder="1" applyAlignment="1">
      <alignment horizontal="center" vertical="center"/>
    </xf>
    <xf numFmtId="0" fontId="23" fillId="2" borderId="10" xfId="0" applyFont="1" applyFill="1" applyBorder="1" applyAlignment="1">
      <alignment horizontal="center" vertical="center" wrapText="1"/>
    </xf>
    <xf numFmtId="0" fontId="23" fillId="2" borderId="12" xfId="0" applyFont="1" applyFill="1" applyBorder="1" applyAlignment="1">
      <alignment horizontal="center" vertical="center" wrapText="1"/>
    </xf>
    <xf numFmtId="0" fontId="23" fillId="2" borderId="11" xfId="0" applyFont="1" applyFill="1" applyBorder="1" applyAlignment="1">
      <alignment horizontal="center" vertical="center" wrapText="1"/>
    </xf>
    <xf numFmtId="0" fontId="22" fillId="0" borderId="2" xfId="0" applyFont="1" applyBorder="1" applyAlignment="1">
      <alignment horizontal="left" vertical="center" wrapText="1"/>
    </xf>
    <xf numFmtId="0" fontId="22" fillId="0" borderId="15" xfId="0" applyFont="1" applyBorder="1" applyAlignment="1">
      <alignment horizontal="left" vertical="center" wrapText="1"/>
    </xf>
    <xf numFmtId="0" fontId="22" fillId="0" borderId="3" xfId="0" applyFont="1" applyBorder="1" applyAlignment="1">
      <alignment horizontal="left" vertical="center" wrapText="1"/>
    </xf>
    <xf numFmtId="0" fontId="14" fillId="0" borderId="8" xfId="0" applyFont="1" applyFill="1" applyBorder="1" applyAlignment="1">
      <alignment horizontal="left" vertical="center" wrapText="1"/>
    </xf>
    <xf numFmtId="0" fontId="14" fillId="0" borderId="5" xfId="0" applyFont="1" applyFill="1" applyBorder="1" applyAlignment="1">
      <alignment horizontal="left" vertical="center" wrapText="1"/>
    </xf>
    <xf numFmtId="0" fontId="14" fillId="0" borderId="13"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14" xfId="0" applyFont="1" applyFill="1" applyBorder="1" applyAlignment="1">
      <alignment horizontal="left" vertical="center" wrapText="1"/>
    </xf>
    <xf numFmtId="0" fontId="14" fillId="0" borderId="6" xfId="0" applyFont="1" applyFill="1" applyBorder="1" applyAlignment="1">
      <alignment horizontal="left" vertical="center" wrapText="1"/>
    </xf>
    <xf numFmtId="0" fontId="14" fillId="0" borderId="9" xfId="0" applyFont="1" applyFill="1" applyBorder="1" applyAlignment="1">
      <alignment horizontal="left" vertical="center" wrapText="1"/>
    </xf>
    <xf numFmtId="0" fontId="14" fillId="0" borderId="7" xfId="0" applyFont="1" applyFill="1" applyBorder="1" applyAlignment="1">
      <alignment horizontal="left" vertical="center" wrapText="1"/>
    </xf>
    <xf numFmtId="0" fontId="14" fillId="0" borderId="8" xfId="0" applyFont="1" applyBorder="1" applyAlignment="1">
      <alignment horizontal="left" vertical="center" wrapText="1"/>
    </xf>
    <xf numFmtId="0" fontId="14" fillId="0" borderId="5" xfId="0" applyFont="1" applyBorder="1" applyAlignment="1">
      <alignment horizontal="left" vertical="center" wrapText="1"/>
    </xf>
    <xf numFmtId="0" fontId="14" fillId="0" borderId="13" xfId="0" applyFont="1" applyBorder="1" applyAlignment="1">
      <alignment horizontal="left" vertical="center" wrapText="1"/>
    </xf>
    <xf numFmtId="0" fontId="14" fillId="0" borderId="0" xfId="0" applyFont="1" applyBorder="1" applyAlignment="1">
      <alignment horizontal="left" vertical="center" wrapText="1"/>
    </xf>
    <xf numFmtId="0" fontId="14" fillId="0" borderId="14" xfId="0" applyFont="1" applyBorder="1" applyAlignment="1">
      <alignment horizontal="left" vertical="center" wrapText="1"/>
    </xf>
    <xf numFmtId="0" fontId="14" fillId="0" borderId="6" xfId="0" applyFont="1" applyBorder="1" applyAlignment="1">
      <alignment horizontal="left" vertical="center" wrapText="1"/>
    </xf>
    <xf numFmtId="0" fontId="14" fillId="0" borderId="9" xfId="0" applyFont="1" applyBorder="1" applyAlignment="1">
      <alignment horizontal="left" vertical="center" wrapText="1"/>
    </xf>
    <xf numFmtId="0" fontId="14" fillId="0" borderId="7" xfId="0" applyFont="1" applyBorder="1" applyAlignment="1">
      <alignment horizontal="left" vertical="center" wrapText="1"/>
    </xf>
    <xf numFmtId="0" fontId="18" fillId="0" borderId="10" xfId="0" applyFont="1" applyFill="1" applyBorder="1" applyAlignment="1">
      <alignment vertical="center" wrapText="1"/>
    </xf>
    <xf numFmtId="0" fontId="18" fillId="0" borderId="12" xfId="0" applyFont="1" applyFill="1" applyBorder="1" applyAlignment="1">
      <alignment vertical="center" wrapText="1"/>
    </xf>
    <xf numFmtId="0" fontId="18" fillId="0" borderId="11" xfId="0" applyFont="1" applyFill="1" applyBorder="1" applyAlignment="1">
      <alignment vertical="center" wrapText="1"/>
    </xf>
    <xf numFmtId="0" fontId="14" fillId="3" borderId="4" xfId="0" applyFont="1" applyFill="1" applyBorder="1" applyAlignment="1">
      <alignment horizontal="left" vertical="center"/>
    </xf>
    <xf numFmtId="0" fontId="14" fillId="3" borderId="8" xfId="0" applyFont="1" applyFill="1" applyBorder="1" applyAlignment="1">
      <alignment horizontal="left" vertical="center"/>
    </xf>
    <xf numFmtId="0" fontId="13" fillId="0" borderId="4"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5" xfId="0" applyFont="1" applyFill="1" applyBorder="1" applyAlignment="1">
      <alignment horizontal="center" vertical="center"/>
    </xf>
    <xf numFmtId="0" fontId="13" fillId="0" borderId="13"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14" xfId="0" applyFont="1" applyFill="1" applyBorder="1" applyAlignment="1">
      <alignment horizontal="center" vertical="center"/>
    </xf>
    <xf numFmtId="0" fontId="13" fillId="0" borderId="6"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7" xfId="0" applyFont="1" applyFill="1" applyBorder="1" applyAlignment="1">
      <alignment horizontal="center" vertical="center"/>
    </xf>
    <xf numFmtId="0" fontId="13" fillId="3" borderId="6" xfId="0" applyFont="1" applyFill="1" applyBorder="1" applyAlignment="1">
      <alignment horizontal="left" vertical="center"/>
    </xf>
    <xf numFmtId="0" fontId="13" fillId="3" borderId="9" xfId="0" applyFont="1" applyFill="1" applyBorder="1" applyAlignment="1">
      <alignment horizontal="left" vertical="center"/>
    </xf>
    <xf numFmtId="0" fontId="13" fillId="0" borderId="1" xfId="0" applyFont="1" applyBorder="1" applyAlignment="1">
      <alignment horizontal="center" vertical="center"/>
    </xf>
    <xf numFmtId="0" fontId="13" fillId="3" borderId="13" xfId="0" applyFont="1" applyFill="1" applyBorder="1" applyAlignment="1">
      <alignment horizontal="left" vertical="center" wrapText="1"/>
    </xf>
    <xf numFmtId="0" fontId="13" fillId="3" borderId="0" xfId="0" applyFont="1" applyFill="1" applyBorder="1" applyAlignment="1">
      <alignment horizontal="left" vertical="center" wrapText="1"/>
    </xf>
    <xf numFmtId="0" fontId="22" fillId="0" borderId="2" xfId="0" applyFont="1" applyFill="1" applyBorder="1" applyAlignment="1">
      <alignment horizontal="left" vertical="center" wrapText="1"/>
    </xf>
    <xf numFmtId="0" fontId="22" fillId="0" borderId="15" xfId="0" applyFont="1" applyFill="1" applyBorder="1" applyAlignment="1">
      <alignment horizontal="left" vertical="center" wrapText="1"/>
    </xf>
    <xf numFmtId="0" fontId="22" fillId="0" borderId="3" xfId="0" applyFont="1" applyFill="1" applyBorder="1" applyAlignment="1">
      <alignment horizontal="left" vertical="center" wrapText="1"/>
    </xf>
    <xf numFmtId="0" fontId="13" fillId="0" borderId="9" xfId="0" applyFont="1" applyBorder="1" applyAlignment="1">
      <alignment horizontal="left" vertical="center"/>
    </xf>
    <xf numFmtId="0" fontId="6" fillId="0" borderId="0" xfId="0" applyFont="1" applyFill="1" applyBorder="1" applyAlignment="1">
      <alignment horizontal="center" vertical="center" wrapText="1"/>
    </xf>
    <xf numFmtId="0" fontId="6" fillId="0" borderId="14" xfId="0" applyFont="1" applyFill="1" applyBorder="1" applyAlignment="1">
      <alignment horizontal="center" vertical="center" wrapText="1"/>
    </xf>
    <xf numFmtId="0" fontId="6" fillId="0" borderId="6" xfId="0" applyFont="1" applyFill="1" applyBorder="1" applyAlignment="1">
      <alignment horizontal="left" vertical="center" wrapText="1"/>
    </xf>
    <xf numFmtId="0" fontId="6" fillId="0" borderId="9" xfId="0" applyFont="1" applyFill="1" applyBorder="1" applyAlignment="1">
      <alignment horizontal="left" vertical="center" wrapText="1"/>
    </xf>
    <xf numFmtId="0" fontId="6" fillId="0" borderId="9" xfId="0" applyFont="1" applyFill="1" applyBorder="1" applyAlignment="1">
      <alignment horizontal="center" vertical="center" wrapText="1"/>
    </xf>
    <xf numFmtId="0" fontId="6" fillId="0" borderId="7" xfId="0" applyFont="1" applyFill="1" applyBorder="1" applyAlignment="1">
      <alignment horizontal="center" vertical="center" wrapText="1"/>
    </xf>
    <xf numFmtId="0" fontId="6" fillId="0" borderId="2" xfId="0" applyFont="1" applyFill="1" applyBorder="1" applyAlignment="1">
      <alignment horizontal="center" vertical="center"/>
    </xf>
    <xf numFmtId="0" fontId="6" fillId="0" borderId="3" xfId="0" applyFont="1" applyFill="1" applyBorder="1" applyAlignment="1">
      <alignment horizontal="center" vertical="center"/>
    </xf>
    <xf numFmtId="0" fontId="6" fillId="0" borderId="15" xfId="0" applyFont="1" applyFill="1" applyBorder="1" applyAlignment="1">
      <alignment horizontal="center" vertical="center"/>
    </xf>
    <xf numFmtId="0" fontId="13" fillId="0" borderId="0" xfId="0" applyFont="1" applyFill="1" applyAlignment="1">
      <alignment horizontal="right" vertical="center"/>
    </xf>
    <xf numFmtId="0" fontId="22" fillId="0" borderId="2" xfId="0" applyFont="1" applyFill="1" applyBorder="1" applyAlignment="1">
      <alignment vertical="center" wrapText="1"/>
    </xf>
    <xf numFmtId="0" fontId="22" fillId="0" borderId="15" xfId="0" applyFont="1" applyFill="1" applyBorder="1" applyAlignment="1">
      <alignment vertical="center" wrapText="1"/>
    </xf>
    <xf numFmtId="0" fontId="22" fillId="0" borderId="3" xfId="0" applyFont="1" applyFill="1" applyBorder="1" applyAlignment="1">
      <alignment vertical="center" wrapText="1"/>
    </xf>
    <xf numFmtId="0" fontId="23" fillId="0" borderId="10" xfId="0" applyFont="1" applyBorder="1" applyAlignment="1">
      <alignment horizontal="left" vertical="center" wrapText="1"/>
    </xf>
    <xf numFmtId="0" fontId="23" fillId="0" borderId="12" xfId="0" applyFont="1" applyBorder="1" applyAlignment="1">
      <alignment horizontal="left" vertical="center" wrapText="1"/>
    </xf>
    <xf numFmtId="0" fontId="23" fillId="0" borderId="11" xfId="0" applyFont="1" applyBorder="1" applyAlignment="1">
      <alignment horizontal="left" vertical="center" wrapText="1"/>
    </xf>
    <xf numFmtId="0" fontId="18" fillId="0" borderId="12" xfId="0" applyFont="1" applyBorder="1" applyAlignment="1">
      <alignment horizontal="left" vertical="center" wrapText="1"/>
    </xf>
    <xf numFmtId="0" fontId="18" fillId="0" borderId="11" xfId="0" applyFont="1" applyBorder="1" applyAlignment="1">
      <alignment horizontal="left" vertical="center" wrapText="1"/>
    </xf>
    <xf numFmtId="0" fontId="23" fillId="0" borderId="10" xfId="0" applyFont="1" applyFill="1" applyBorder="1" applyAlignment="1">
      <alignment horizontal="left" vertical="center" wrapText="1"/>
    </xf>
    <xf numFmtId="0" fontId="18" fillId="0" borderId="12" xfId="0" applyFont="1" applyFill="1" applyBorder="1" applyAlignment="1">
      <alignment horizontal="left" vertical="center" wrapText="1"/>
    </xf>
    <xf numFmtId="0" fontId="18" fillId="0" borderId="11" xfId="0" applyFont="1" applyFill="1" applyBorder="1" applyAlignment="1">
      <alignment horizontal="left" vertical="center" wrapText="1"/>
    </xf>
    <xf numFmtId="0" fontId="18" fillId="0" borderId="10" xfId="0" applyFont="1" applyBorder="1" applyAlignment="1">
      <alignment horizontal="left" vertical="center" wrapText="1"/>
    </xf>
    <xf numFmtId="0" fontId="12" fillId="0" borderId="0" xfId="0" applyFont="1" applyFill="1" applyAlignment="1">
      <alignment horizontal="center" vertical="center"/>
    </xf>
    <xf numFmtId="0" fontId="30" fillId="4" borderId="2" xfId="0" applyFont="1" applyFill="1" applyBorder="1" applyAlignment="1">
      <alignment horizontal="center" vertical="center" wrapText="1"/>
    </xf>
    <xf numFmtId="0" fontId="22" fillId="4" borderId="15" xfId="0" applyFont="1" applyFill="1" applyBorder="1" applyAlignment="1">
      <alignment horizontal="center" vertical="center" wrapText="1"/>
    </xf>
    <xf numFmtId="0" fontId="22" fillId="4" borderId="3" xfId="0" applyFont="1" applyFill="1" applyBorder="1" applyAlignment="1">
      <alignment horizontal="center" vertical="center" wrapText="1"/>
    </xf>
    <xf numFmtId="0" fontId="22" fillId="4" borderId="2" xfId="0" applyFont="1" applyFill="1" applyBorder="1" applyAlignment="1">
      <alignment horizontal="center" vertical="center" wrapText="1"/>
    </xf>
    <xf numFmtId="0" fontId="6" fillId="0" borderId="4" xfId="0" applyFont="1" applyFill="1" applyBorder="1" applyAlignment="1">
      <alignment horizontal="left" vertical="center" wrapText="1"/>
    </xf>
    <xf numFmtId="0" fontId="6" fillId="0" borderId="5" xfId="0" applyFont="1" applyFill="1" applyBorder="1" applyAlignment="1">
      <alignment horizontal="left" vertical="center" wrapText="1"/>
    </xf>
    <xf numFmtId="0" fontId="6" fillId="0" borderId="13" xfId="0" applyFont="1" applyFill="1" applyBorder="1" applyAlignment="1">
      <alignment horizontal="left" vertical="center" wrapText="1"/>
    </xf>
    <xf numFmtId="0" fontId="6" fillId="0" borderId="14" xfId="0" applyFont="1" applyFill="1" applyBorder="1" applyAlignment="1">
      <alignment horizontal="left" vertical="center" wrapText="1"/>
    </xf>
    <xf numFmtId="0" fontId="6" fillId="0" borderId="7" xfId="0" applyFont="1" applyFill="1" applyBorder="1" applyAlignment="1">
      <alignment horizontal="left" vertical="center" wrapText="1"/>
    </xf>
    <xf numFmtId="0" fontId="6" fillId="0" borderId="4" xfId="0" applyFont="1" applyFill="1" applyBorder="1" applyAlignment="1">
      <alignment horizontal="right" vertical="center" wrapText="1"/>
    </xf>
    <xf numFmtId="0" fontId="6" fillId="0" borderId="8" xfId="0" applyFont="1" applyFill="1" applyBorder="1" applyAlignment="1">
      <alignment horizontal="right" vertical="center" wrapText="1"/>
    </xf>
    <xf numFmtId="0" fontId="6" fillId="0" borderId="13" xfId="0" applyFont="1" applyFill="1" applyBorder="1" applyAlignment="1">
      <alignment horizontal="right" vertical="center" wrapText="1"/>
    </xf>
    <xf numFmtId="0" fontId="6" fillId="0" borderId="0" xfId="0" applyFont="1" applyFill="1" applyBorder="1" applyAlignment="1">
      <alignment horizontal="right" vertical="center" wrapText="1"/>
    </xf>
    <xf numFmtId="0" fontId="6" fillId="0" borderId="6" xfId="0" applyFont="1" applyFill="1" applyBorder="1" applyAlignment="1">
      <alignment horizontal="right" vertical="center" wrapText="1"/>
    </xf>
    <xf numFmtId="0" fontId="6" fillId="0" borderId="9" xfId="0" applyFont="1" applyFill="1" applyBorder="1" applyAlignment="1">
      <alignment horizontal="right" vertical="center" wrapText="1"/>
    </xf>
    <xf numFmtId="0" fontId="6" fillId="0" borderId="8"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8" xfId="0" applyFont="1" applyFill="1" applyBorder="1" applyAlignment="1">
      <alignment horizontal="center" vertical="center" wrapText="1"/>
    </xf>
    <xf numFmtId="0" fontId="9" fillId="0" borderId="8" xfId="0" applyFont="1" applyFill="1" applyBorder="1" applyAlignment="1">
      <alignment horizontal="left" vertical="center" wrapText="1"/>
    </xf>
    <xf numFmtId="0" fontId="9" fillId="0" borderId="5" xfId="0" applyFont="1" applyFill="1" applyBorder="1" applyAlignment="1">
      <alignment horizontal="left" vertical="center" wrapText="1"/>
    </xf>
    <xf numFmtId="0" fontId="9" fillId="0" borderId="0" xfId="0" applyFont="1" applyFill="1" applyBorder="1" applyAlignment="1">
      <alignment horizontal="left" vertical="center" wrapText="1"/>
    </xf>
    <xf numFmtId="0" fontId="9" fillId="0" borderId="14" xfId="0" applyFont="1" applyFill="1" applyBorder="1" applyAlignment="1">
      <alignment horizontal="left" vertical="center" wrapText="1"/>
    </xf>
    <xf numFmtId="0" fontId="9" fillId="0" borderId="9" xfId="0" applyFont="1" applyFill="1" applyBorder="1" applyAlignment="1">
      <alignment horizontal="left" vertical="center" wrapText="1"/>
    </xf>
    <xf numFmtId="0" fontId="9" fillId="0" borderId="7" xfId="0" applyFont="1" applyFill="1" applyBorder="1" applyAlignment="1">
      <alignment horizontal="left" vertical="center" wrapText="1"/>
    </xf>
    <xf numFmtId="0" fontId="6" fillId="0" borderId="4" xfId="0" applyFont="1" applyFill="1" applyBorder="1" applyAlignment="1">
      <alignment horizontal="center" vertical="center" wrapText="1"/>
    </xf>
    <xf numFmtId="0" fontId="6" fillId="0" borderId="13" xfId="0" applyFont="1" applyFill="1" applyBorder="1" applyAlignment="1">
      <alignment horizontal="center" vertical="center" wrapText="1"/>
    </xf>
    <xf numFmtId="0" fontId="23" fillId="0" borderId="1" xfId="0" applyFont="1" applyBorder="1" applyAlignment="1">
      <alignment horizontal="left" vertical="center" wrapText="1"/>
    </xf>
    <xf numFmtId="0" fontId="18" fillId="0" borderId="10" xfId="0" applyFont="1" applyFill="1" applyBorder="1" applyAlignment="1">
      <alignment horizontal="left" vertical="center" wrapText="1"/>
    </xf>
    <xf numFmtId="0" fontId="23" fillId="0" borderId="12" xfId="0" applyFont="1" applyFill="1" applyBorder="1" applyAlignment="1">
      <alignment horizontal="left" vertical="center" wrapText="1"/>
    </xf>
    <xf numFmtId="0" fontId="23" fillId="0" borderId="11" xfId="0" applyFont="1" applyFill="1" applyBorder="1" applyAlignment="1">
      <alignment horizontal="left" vertical="center" wrapText="1"/>
    </xf>
    <xf numFmtId="0" fontId="19" fillId="0" borderId="0" xfId="0" applyFont="1" applyAlignment="1">
      <alignment horizontal="left" vertical="center" wrapText="1"/>
    </xf>
    <xf numFmtId="0" fontId="15" fillId="0" borderId="0" xfId="0" applyFont="1" applyAlignment="1">
      <alignment horizontal="left" vertical="center" wrapText="1"/>
    </xf>
    <xf numFmtId="0" fontId="6" fillId="0" borderId="63" xfId="0" applyFont="1" applyFill="1" applyBorder="1" applyAlignment="1">
      <alignment vertical="center"/>
    </xf>
    <xf numFmtId="0" fontId="6" fillId="0" borderId="64" xfId="0" applyFont="1" applyFill="1" applyBorder="1" applyAlignment="1">
      <alignment vertical="center"/>
    </xf>
    <xf numFmtId="0" fontId="6" fillId="0" borderId="65" xfId="0" applyFont="1" applyFill="1" applyBorder="1" applyAlignment="1">
      <alignment vertical="center"/>
    </xf>
    <xf numFmtId="0" fontId="6" fillId="0" borderId="51" xfId="0" applyFont="1" applyFill="1" applyBorder="1" applyAlignment="1">
      <alignment vertical="center"/>
    </xf>
    <xf numFmtId="0" fontId="6" fillId="0" borderId="52" xfId="0" applyFont="1" applyFill="1" applyBorder="1" applyAlignment="1">
      <alignment vertical="center"/>
    </xf>
    <xf numFmtId="0" fontId="6" fillId="0" borderId="53" xfId="0" applyFont="1" applyFill="1" applyBorder="1" applyAlignment="1">
      <alignment vertical="center"/>
    </xf>
    <xf numFmtId="0" fontId="6" fillId="0" borderId="2" xfId="0" applyFont="1" applyFill="1" applyBorder="1" applyAlignment="1">
      <alignment vertical="center"/>
    </xf>
    <xf numFmtId="0" fontId="6" fillId="0" borderId="15" xfId="0" applyFont="1" applyFill="1" applyBorder="1" applyAlignment="1">
      <alignment vertical="center"/>
    </xf>
    <xf numFmtId="0" fontId="6" fillId="0" borderId="3" xfId="0" applyFont="1" applyFill="1" applyBorder="1" applyAlignment="1">
      <alignment vertical="center"/>
    </xf>
    <xf numFmtId="0" fontId="22" fillId="0" borderId="13" xfId="0" applyFont="1" applyFill="1" applyBorder="1" applyAlignment="1">
      <alignment vertical="center" wrapText="1"/>
    </xf>
    <xf numFmtId="0" fontId="22" fillId="0" borderId="0" xfId="0" applyFont="1" applyFill="1" applyBorder="1" applyAlignment="1">
      <alignment vertical="center" wrapText="1"/>
    </xf>
    <xf numFmtId="0" fontId="22" fillId="0" borderId="14" xfId="0" applyFont="1" applyFill="1" applyBorder="1" applyAlignment="1">
      <alignment vertical="center" wrapText="1"/>
    </xf>
    <xf numFmtId="0" fontId="22" fillId="0" borderId="6" xfId="0" applyFont="1" applyFill="1" applyBorder="1" applyAlignment="1">
      <alignment vertical="center" wrapText="1"/>
    </xf>
    <xf numFmtId="0" fontId="22" fillId="0" borderId="9" xfId="0" applyFont="1" applyFill="1" applyBorder="1" applyAlignment="1">
      <alignment vertical="center" wrapText="1"/>
    </xf>
    <xf numFmtId="0" fontId="22" fillId="0" borderId="7" xfId="0" applyFont="1" applyFill="1" applyBorder="1" applyAlignment="1">
      <alignment vertical="center" wrapText="1"/>
    </xf>
    <xf numFmtId="0" fontId="0" fillId="2" borderId="1" xfId="0" applyFill="1" applyBorder="1" applyAlignment="1">
      <alignment horizontal="center" vertical="center"/>
    </xf>
    <xf numFmtId="0" fontId="0" fillId="2" borderId="8" xfId="0" applyFill="1" applyBorder="1" applyAlignment="1">
      <alignment horizontal="center" vertical="center"/>
    </xf>
    <xf numFmtId="0" fontId="0" fillId="2" borderId="5" xfId="0" applyFill="1" applyBorder="1" applyAlignment="1">
      <alignment horizontal="center" vertical="center"/>
    </xf>
    <xf numFmtId="0" fontId="0" fillId="2" borderId="0" xfId="0" applyFill="1" applyBorder="1" applyAlignment="1">
      <alignment horizontal="center" vertical="center"/>
    </xf>
    <xf numFmtId="0" fontId="0" fillId="2" borderId="14" xfId="0" applyFill="1" applyBorder="1" applyAlignment="1">
      <alignment horizontal="center" vertical="center"/>
    </xf>
    <xf numFmtId="0" fontId="0" fillId="2" borderId="9" xfId="0" applyFill="1" applyBorder="1" applyAlignment="1">
      <alignment horizontal="center" vertical="center"/>
    </xf>
    <xf numFmtId="0" fontId="0" fillId="2" borderId="7" xfId="0" applyFill="1" applyBorder="1" applyAlignment="1">
      <alignment horizontal="center" vertical="center"/>
    </xf>
    <xf numFmtId="0" fontId="4" fillId="2" borderId="10" xfId="0" applyFont="1" applyFill="1" applyBorder="1" applyAlignment="1">
      <alignment horizontal="center" vertical="center" wrapText="1"/>
    </xf>
    <xf numFmtId="0" fontId="4" fillId="2" borderId="12" xfId="0" applyFont="1" applyFill="1" applyBorder="1" applyAlignment="1">
      <alignment horizontal="center" vertical="center" wrapText="1"/>
    </xf>
    <xf numFmtId="0" fontId="4" fillId="2" borderId="11" xfId="0" applyFont="1" applyFill="1" applyBorder="1" applyAlignment="1">
      <alignment horizontal="center" vertical="center" wrapText="1"/>
    </xf>
    <xf numFmtId="0" fontId="22" fillId="0" borderId="13" xfId="0" applyFont="1" applyFill="1" applyBorder="1" applyAlignment="1">
      <alignment vertical="center" wrapText="1" shrinkToFit="1"/>
    </xf>
    <xf numFmtId="0" fontId="22" fillId="0" borderId="0" xfId="0" applyFont="1" applyFill="1" applyBorder="1" applyAlignment="1">
      <alignment vertical="center" wrapText="1" shrinkToFit="1"/>
    </xf>
    <xf numFmtId="0" fontId="22" fillId="0" borderId="14" xfId="0" applyFont="1" applyFill="1" applyBorder="1" applyAlignment="1">
      <alignment vertical="center" wrapText="1" shrinkToFit="1"/>
    </xf>
    <xf numFmtId="0" fontId="15" fillId="0" borderId="13" xfId="0" applyFont="1" applyFill="1" applyBorder="1" applyAlignment="1">
      <alignment vertical="center" wrapText="1"/>
    </xf>
    <xf numFmtId="0" fontId="15" fillId="0" borderId="0" xfId="0" applyFont="1" applyFill="1" applyBorder="1" applyAlignment="1">
      <alignment vertical="center" wrapText="1"/>
    </xf>
    <xf numFmtId="0" fontId="15" fillId="0" borderId="14" xfId="0" applyFont="1" applyFill="1" applyBorder="1" applyAlignment="1">
      <alignment vertical="center" wrapText="1"/>
    </xf>
    <xf numFmtId="0" fontId="0" fillId="0" borderId="1" xfId="0" applyBorder="1" applyAlignment="1">
      <alignment horizontal="center" vertical="center"/>
    </xf>
    <xf numFmtId="0" fontId="18" fillId="0" borderId="1" xfId="0" applyFont="1" applyFill="1" applyBorder="1" applyAlignment="1">
      <alignment horizontal="left" vertical="center" wrapText="1"/>
    </xf>
    <xf numFmtId="0" fontId="13" fillId="0" borderId="1" xfId="0" applyFont="1" applyBorder="1" applyAlignment="1">
      <alignment horizontal="left" vertical="center" wrapText="1"/>
    </xf>
    <xf numFmtId="0" fontId="18" fillId="0" borderId="12" xfId="0" applyFont="1" applyBorder="1" applyAlignment="1">
      <alignment horizontal="left" vertical="top" wrapText="1"/>
    </xf>
    <xf numFmtId="0" fontId="18" fillId="0" borderId="11" xfId="0" applyFont="1" applyBorder="1" applyAlignment="1">
      <alignment horizontal="left" vertical="top" wrapText="1"/>
    </xf>
    <xf numFmtId="0" fontId="4" fillId="0" borderId="10" xfId="0" applyFont="1" applyBorder="1" applyAlignment="1">
      <alignment horizontal="left" vertical="center" wrapText="1"/>
    </xf>
    <xf numFmtId="0" fontId="4" fillId="0" borderId="12" xfId="0" applyFont="1" applyBorder="1" applyAlignment="1">
      <alignment horizontal="left" vertical="center" wrapText="1"/>
    </xf>
    <xf numFmtId="0" fontId="4" fillId="0" borderId="11" xfId="0" applyFont="1" applyBorder="1" applyAlignment="1">
      <alignment horizontal="left" vertical="center" wrapText="1"/>
    </xf>
    <xf numFmtId="0" fontId="0" fillId="0" borderId="1" xfId="0" applyFill="1" applyBorder="1" applyAlignment="1">
      <alignment horizontal="center" vertical="center"/>
    </xf>
    <xf numFmtId="0" fontId="0" fillId="0" borderId="1" xfId="0" applyBorder="1" applyAlignment="1">
      <alignment horizontal="left" vertical="center" wrapText="1"/>
    </xf>
    <xf numFmtId="0" fontId="5" fillId="0" borderId="13" xfId="0" applyFont="1" applyBorder="1" applyAlignment="1">
      <alignment horizontal="center" vertical="top"/>
    </xf>
    <xf numFmtId="0" fontId="5" fillId="0" borderId="0" xfId="0" applyFont="1" applyBorder="1" applyAlignment="1">
      <alignment horizontal="center" vertical="top"/>
    </xf>
    <xf numFmtId="0" fontId="5" fillId="0" borderId="14" xfId="0" applyFont="1" applyBorder="1" applyAlignment="1">
      <alignment horizontal="center" vertical="top"/>
    </xf>
    <xf numFmtId="0" fontId="5" fillId="0" borderId="6" xfId="0" applyFont="1" applyBorder="1" applyAlignment="1">
      <alignment horizontal="center" vertical="top"/>
    </xf>
    <xf numFmtId="0" fontId="5" fillId="0" borderId="9" xfId="0" applyFont="1" applyBorder="1" applyAlignment="1">
      <alignment horizontal="center" vertical="top"/>
    </xf>
    <xf numFmtId="0" fontId="5" fillId="0" borderId="7" xfId="0" applyFont="1" applyBorder="1" applyAlignment="1">
      <alignment horizontal="center" vertical="top"/>
    </xf>
    <xf numFmtId="0" fontId="4" fillId="0" borderId="4" xfId="0" applyFont="1" applyBorder="1" applyAlignment="1">
      <alignment horizontal="center" vertical="top"/>
    </xf>
    <xf numFmtId="0" fontId="4" fillId="0" borderId="8" xfId="0" applyFont="1" applyBorder="1" applyAlignment="1">
      <alignment horizontal="center" vertical="top"/>
    </xf>
    <xf numFmtId="0" fontId="4" fillId="0" borderId="5" xfId="0" applyFont="1" applyBorder="1" applyAlignment="1">
      <alignment horizontal="center" vertical="top"/>
    </xf>
    <xf numFmtId="0" fontId="4" fillId="0" borderId="13" xfId="0" applyFont="1" applyBorder="1" applyAlignment="1">
      <alignment horizontal="center" vertical="top"/>
    </xf>
    <xf numFmtId="0" fontId="4" fillId="0" borderId="0" xfId="0" applyFont="1" applyBorder="1" applyAlignment="1">
      <alignment horizontal="center" vertical="top"/>
    </xf>
    <xf numFmtId="0" fontId="4" fillId="0" borderId="14" xfId="0" applyFont="1" applyBorder="1" applyAlignment="1">
      <alignment horizontal="center" vertical="top"/>
    </xf>
    <xf numFmtId="0" fontId="4" fillId="0" borderId="6" xfId="0" applyFont="1" applyBorder="1" applyAlignment="1">
      <alignment horizontal="center" vertical="top"/>
    </xf>
    <xf numFmtId="0" fontId="4" fillId="0" borderId="9" xfId="0" applyFont="1" applyBorder="1" applyAlignment="1">
      <alignment horizontal="center" vertical="top"/>
    </xf>
    <xf numFmtId="0" fontId="4" fillId="0" borderId="7" xfId="0" applyFont="1" applyBorder="1" applyAlignment="1">
      <alignment horizontal="center" vertical="top"/>
    </xf>
    <xf numFmtId="0" fontId="5" fillId="0" borderId="10" xfId="0" applyFont="1" applyBorder="1" applyAlignment="1">
      <alignment horizontal="left" vertical="center" wrapText="1"/>
    </xf>
    <xf numFmtId="0" fontId="5" fillId="0" borderId="12" xfId="0" applyFont="1" applyBorder="1" applyAlignment="1">
      <alignment horizontal="left" vertical="center" wrapText="1"/>
    </xf>
    <xf numFmtId="0" fontId="5" fillId="0" borderId="11" xfId="0" applyFont="1" applyBorder="1" applyAlignment="1">
      <alignment horizontal="left" vertical="center" wrapText="1"/>
    </xf>
    <xf numFmtId="0" fontId="13" fillId="0" borderId="10" xfId="0" applyFont="1" applyBorder="1" applyAlignment="1">
      <alignment horizontal="left" vertical="center" wrapText="1"/>
    </xf>
    <xf numFmtId="0" fontId="13" fillId="3" borderId="6" xfId="0" applyFont="1" applyFill="1" applyBorder="1" applyAlignment="1">
      <alignment horizontal="left" vertical="center" wrapText="1"/>
    </xf>
    <xf numFmtId="0" fontId="13" fillId="3" borderId="9" xfId="0" applyFont="1" applyFill="1" applyBorder="1" applyAlignment="1">
      <alignment horizontal="left" vertical="center" wrapText="1"/>
    </xf>
    <xf numFmtId="0" fontId="13" fillId="3" borderId="4" xfId="0" applyFont="1" applyFill="1" applyBorder="1" applyAlignment="1">
      <alignment horizontal="left" vertical="top" wrapText="1"/>
    </xf>
    <xf numFmtId="0" fontId="13" fillId="3" borderId="8" xfId="0" applyFont="1" applyFill="1" applyBorder="1" applyAlignment="1">
      <alignment horizontal="left" vertical="top" wrapText="1"/>
    </xf>
    <xf numFmtId="0" fontId="0" fillId="0" borderId="10" xfId="0" applyBorder="1" applyAlignment="1">
      <alignment horizontal="center" vertical="center"/>
    </xf>
    <xf numFmtId="0" fontId="0" fillId="0" borderId="4"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13" xfId="0" applyBorder="1" applyAlignment="1">
      <alignment horizontal="center" vertical="center"/>
    </xf>
    <xf numFmtId="0" fontId="0" fillId="0" borderId="0" xfId="0" applyBorder="1" applyAlignment="1">
      <alignment horizontal="center" vertical="center"/>
    </xf>
    <xf numFmtId="0" fontId="0" fillId="0" borderId="14" xfId="0" applyBorder="1" applyAlignment="1">
      <alignment horizontal="center" vertical="center"/>
    </xf>
    <xf numFmtId="0" fontId="0" fillId="0" borderId="6" xfId="0" applyBorder="1" applyAlignment="1">
      <alignment horizontal="center" vertical="center"/>
    </xf>
    <xf numFmtId="0" fontId="0" fillId="0" borderId="9" xfId="0" applyBorder="1" applyAlignment="1">
      <alignment horizontal="center" vertical="center"/>
    </xf>
    <xf numFmtId="0" fontId="0" fillId="0" borderId="7" xfId="0" applyBorder="1" applyAlignment="1">
      <alignment horizontal="center" vertical="center"/>
    </xf>
    <xf numFmtId="0" fontId="13" fillId="0" borderId="1" xfId="0" applyFont="1" applyFill="1" applyBorder="1" applyAlignment="1">
      <alignment horizontal="left" vertical="center" wrapText="1"/>
    </xf>
    <xf numFmtId="0" fontId="14" fillId="0" borderId="1" xfId="0" applyFont="1" applyFill="1" applyBorder="1" applyAlignment="1">
      <alignment horizontal="left" vertical="center" wrapText="1"/>
    </xf>
    <xf numFmtId="0" fontId="14" fillId="0" borderId="1" xfId="0" applyFont="1" applyBorder="1" applyAlignment="1">
      <alignment horizontal="left" vertical="center" wrapText="1"/>
    </xf>
    <xf numFmtId="0" fontId="4" fillId="0" borderId="1" xfId="0" applyFont="1" applyBorder="1" applyAlignment="1">
      <alignment horizontal="center" vertical="top"/>
    </xf>
    <xf numFmtId="0" fontId="5" fillId="0" borderId="1" xfId="0" applyFont="1" applyBorder="1" applyAlignment="1">
      <alignment horizontal="center" vertical="top"/>
    </xf>
    <xf numFmtId="0" fontId="13" fillId="0" borderId="1" xfId="0" applyFont="1" applyFill="1" applyBorder="1" applyAlignment="1">
      <alignment horizontal="center" vertical="center"/>
    </xf>
    <xf numFmtId="0" fontId="0" fillId="0" borderId="1" xfId="0" applyFill="1" applyBorder="1" applyAlignment="1">
      <alignment horizontal="left" vertical="center" wrapText="1"/>
    </xf>
    <xf numFmtId="0" fontId="13" fillId="3" borderId="4" xfId="0" applyFont="1" applyFill="1" applyBorder="1" applyAlignment="1">
      <alignment vertical="center" wrapText="1"/>
    </xf>
    <xf numFmtId="0" fontId="13" fillId="3" borderId="8" xfId="0" applyFont="1" applyFill="1" applyBorder="1" applyAlignment="1">
      <alignment vertical="center" wrapText="1"/>
    </xf>
    <xf numFmtId="0" fontId="18" fillId="3" borderId="8" xfId="0" applyFont="1" applyFill="1" applyBorder="1" applyAlignment="1">
      <alignment horizontal="left" vertical="center" wrapText="1"/>
    </xf>
    <xf numFmtId="0" fontId="18" fillId="3" borderId="0" xfId="0" applyFont="1" applyFill="1" applyBorder="1" applyAlignment="1">
      <alignment horizontal="left" vertical="center" wrapText="1"/>
    </xf>
    <xf numFmtId="0" fontId="13" fillId="0" borderId="4" xfId="0" applyFont="1" applyBorder="1" applyAlignment="1">
      <alignment horizontal="center" vertical="top" wrapText="1"/>
    </xf>
    <xf numFmtId="0" fontId="13" fillId="0" borderId="8" xfId="0" applyFont="1" applyBorder="1" applyAlignment="1">
      <alignment horizontal="center" vertical="top" wrapText="1"/>
    </xf>
    <xf numFmtId="0" fontId="13" fillId="0" borderId="5" xfId="0" applyFont="1" applyBorder="1" applyAlignment="1">
      <alignment horizontal="center" vertical="top" wrapText="1"/>
    </xf>
    <xf numFmtId="0" fontId="13" fillId="0" borderId="13" xfId="0" applyFont="1" applyBorder="1" applyAlignment="1">
      <alignment horizontal="center" vertical="top" wrapText="1"/>
    </xf>
    <xf numFmtId="0" fontId="13" fillId="0" borderId="0" xfId="0" applyFont="1" applyBorder="1" applyAlignment="1">
      <alignment horizontal="center" vertical="top" wrapText="1"/>
    </xf>
    <xf numFmtId="0" fontId="13" fillId="0" borderId="14" xfId="0" applyFont="1" applyBorder="1" applyAlignment="1">
      <alignment horizontal="center" vertical="top" wrapText="1"/>
    </xf>
    <xf numFmtId="0" fontId="13" fillId="0" borderId="6" xfId="0" applyFont="1" applyBorder="1" applyAlignment="1">
      <alignment horizontal="center" vertical="top" wrapText="1"/>
    </xf>
    <xf numFmtId="0" fontId="13" fillId="0" borderId="9" xfId="0" applyFont="1" applyBorder="1" applyAlignment="1">
      <alignment horizontal="center" vertical="top" wrapText="1"/>
    </xf>
    <xf numFmtId="0" fontId="13" fillId="0" borderId="7" xfId="0" applyFont="1" applyBorder="1" applyAlignment="1">
      <alignment horizontal="center" vertical="top" wrapText="1"/>
    </xf>
    <xf numFmtId="0" fontId="13" fillId="3" borderId="13" xfId="0" quotePrefix="1" applyFont="1" applyFill="1" applyBorder="1" applyAlignment="1">
      <alignment vertical="center" wrapText="1"/>
    </xf>
    <xf numFmtId="0" fontId="13" fillId="3" borderId="0" xfId="0" quotePrefix="1" applyFont="1" applyFill="1" applyBorder="1" applyAlignment="1">
      <alignment vertical="center" wrapText="1"/>
    </xf>
    <xf numFmtId="0" fontId="14" fillId="0" borderId="1" xfId="0" applyFont="1" applyFill="1" applyBorder="1" applyAlignment="1">
      <alignment horizontal="center" vertical="center"/>
    </xf>
    <xf numFmtId="0" fontId="0" fillId="3" borderId="4" xfId="0" applyFill="1" applyBorder="1" applyAlignment="1">
      <alignment horizontal="left" vertical="center"/>
    </xf>
    <xf numFmtId="0" fontId="0" fillId="3" borderId="8" xfId="0" applyFill="1" applyBorder="1" applyAlignment="1">
      <alignment horizontal="left" vertical="center"/>
    </xf>
    <xf numFmtId="0" fontId="14" fillId="0" borderId="1" xfId="0" applyFont="1" applyFill="1" applyBorder="1" applyAlignment="1">
      <alignment horizontal="left" vertical="top" wrapText="1"/>
    </xf>
    <xf numFmtId="0" fontId="18" fillId="0" borderId="1" xfId="0" applyFont="1" applyBorder="1" applyAlignment="1">
      <alignment horizontal="left" vertical="center" wrapText="1"/>
    </xf>
    <xf numFmtId="0" fontId="15" fillId="0" borderId="13" xfId="0" applyFont="1" applyFill="1" applyBorder="1" applyAlignment="1">
      <alignment horizontal="right" vertical="center" shrinkToFit="1"/>
    </xf>
    <xf numFmtId="0" fontId="15" fillId="0" borderId="0" xfId="0" applyFont="1" applyFill="1" applyBorder="1" applyAlignment="1">
      <alignment horizontal="right" vertical="center" shrinkToFit="1"/>
    </xf>
    <xf numFmtId="0" fontId="15" fillId="0" borderId="14" xfId="0" applyFont="1" applyFill="1" applyBorder="1" applyAlignment="1">
      <alignment horizontal="right" vertical="center" shrinkToFit="1"/>
    </xf>
    <xf numFmtId="0" fontId="5" fillId="0" borderId="10" xfId="0" applyFont="1" applyFill="1" applyBorder="1" applyAlignment="1">
      <alignment horizontal="left" vertical="center" wrapText="1"/>
    </xf>
    <xf numFmtId="0" fontId="5" fillId="0" borderId="12"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3" fillId="0" borderId="4" xfId="0" applyFont="1" applyFill="1" applyBorder="1" applyAlignment="1">
      <alignment vertical="center" wrapText="1"/>
    </xf>
    <xf numFmtId="0" fontId="14" fillId="0" borderId="8" xfId="0" applyFont="1" applyFill="1" applyBorder="1" applyAlignment="1">
      <alignment vertical="center" wrapText="1"/>
    </xf>
    <xf numFmtId="0" fontId="14" fillId="0" borderId="5" xfId="0" applyFont="1" applyFill="1" applyBorder="1" applyAlignment="1">
      <alignment vertical="center" wrapText="1"/>
    </xf>
    <xf numFmtId="0" fontId="14" fillId="0" borderId="13" xfId="0" applyFont="1" applyFill="1" applyBorder="1" applyAlignment="1">
      <alignment vertical="center" wrapText="1"/>
    </xf>
    <xf numFmtId="0" fontId="14" fillId="0" borderId="0" xfId="0" applyFont="1" applyFill="1" applyBorder="1" applyAlignment="1">
      <alignment vertical="center" wrapText="1"/>
    </xf>
    <xf numFmtId="0" fontId="14" fillId="0" borderId="14" xfId="0" applyFont="1" applyFill="1" applyBorder="1" applyAlignment="1">
      <alignment vertical="center" wrapText="1"/>
    </xf>
    <xf numFmtId="0" fontId="14" fillId="0" borderId="6" xfId="0" applyFont="1" applyFill="1" applyBorder="1" applyAlignment="1">
      <alignment vertical="center" wrapText="1"/>
    </xf>
    <xf numFmtId="0" fontId="14" fillId="0" borderId="9" xfId="0" applyFont="1" applyFill="1" applyBorder="1" applyAlignment="1">
      <alignment vertical="center" wrapText="1"/>
    </xf>
    <xf numFmtId="0" fontId="14" fillId="0" borderId="7" xfId="0" applyFont="1" applyFill="1" applyBorder="1" applyAlignment="1">
      <alignment vertical="center" wrapText="1"/>
    </xf>
    <xf numFmtId="0" fontId="13" fillId="3" borderId="6" xfId="0" applyFont="1" applyFill="1" applyBorder="1" applyAlignment="1">
      <alignment vertical="center" wrapText="1"/>
    </xf>
    <xf numFmtId="0" fontId="13" fillId="3" borderId="9" xfId="0" applyFont="1" applyFill="1" applyBorder="1" applyAlignment="1">
      <alignment vertical="center" wrapText="1"/>
    </xf>
    <xf numFmtId="0" fontId="0" fillId="0" borderId="11" xfId="0" applyBorder="1" applyAlignment="1">
      <alignment horizontal="center" vertical="center"/>
    </xf>
    <xf numFmtId="0" fontId="13" fillId="0" borderId="0" xfId="0" applyFont="1" applyFill="1" applyAlignment="1">
      <alignment vertical="center" wrapText="1"/>
    </xf>
    <xf numFmtId="0" fontId="13" fillId="3" borderId="2" xfId="0" applyFont="1" applyFill="1" applyBorder="1" applyAlignment="1">
      <alignment horizontal="left" vertical="center" wrapText="1"/>
    </xf>
    <xf numFmtId="0" fontId="13" fillId="3" borderId="15" xfId="0" applyFont="1" applyFill="1" applyBorder="1" applyAlignment="1">
      <alignment horizontal="left" vertical="center" wrapText="1"/>
    </xf>
    <xf numFmtId="0" fontId="13" fillId="0" borderId="1" xfId="0" applyFont="1" applyBorder="1" applyAlignment="1">
      <alignment horizontal="left" vertical="top" wrapText="1"/>
    </xf>
    <xf numFmtId="0" fontId="18" fillId="0" borderId="10" xfId="0" applyFont="1" applyBorder="1" applyAlignment="1">
      <alignment horizontal="left" vertical="top" wrapText="1"/>
    </xf>
    <xf numFmtId="0" fontId="28" fillId="0" borderId="0" xfId="0" applyFont="1" applyAlignment="1">
      <alignment vertical="center" wrapText="1"/>
    </xf>
    <xf numFmtId="0" fontId="29" fillId="0" borderId="0" xfId="0" applyFont="1" applyAlignment="1">
      <alignment vertical="center" wrapText="1"/>
    </xf>
    <xf numFmtId="0" fontId="0" fillId="0" borderId="4" xfId="0" applyFill="1" applyBorder="1" applyAlignment="1">
      <alignment vertical="center" wrapText="1"/>
    </xf>
    <xf numFmtId="0" fontId="0" fillId="0" borderId="8" xfId="0" applyFill="1" applyBorder="1" applyAlignment="1">
      <alignment vertical="center" wrapText="1"/>
    </xf>
    <xf numFmtId="0" fontId="0" fillId="0" borderId="5" xfId="0" applyFill="1" applyBorder="1" applyAlignment="1">
      <alignment vertical="center" wrapText="1"/>
    </xf>
    <xf numFmtId="0" fontId="0" fillId="0" borderId="13" xfId="0" applyFill="1" applyBorder="1" applyAlignment="1">
      <alignment vertical="center" wrapText="1"/>
    </xf>
    <xf numFmtId="0" fontId="0" fillId="0" borderId="0" xfId="0" applyFill="1" applyBorder="1" applyAlignment="1">
      <alignment vertical="center" wrapText="1"/>
    </xf>
    <xf numFmtId="0" fontId="0" fillId="0" borderId="14" xfId="0" applyFill="1" applyBorder="1" applyAlignment="1">
      <alignment vertical="center" wrapText="1"/>
    </xf>
    <xf numFmtId="0" fontId="0" fillId="0" borderId="6" xfId="0" applyFill="1" applyBorder="1" applyAlignment="1">
      <alignment vertical="center" wrapText="1"/>
    </xf>
    <xf numFmtId="0" fontId="0" fillId="0" borderId="9" xfId="0" applyFill="1" applyBorder="1" applyAlignment="1">
      <alignment vertical="center" wrapText="1"/>
    </xf>
    <xf numFmtId="0" fontId="0" fillId="0" borderId="7" xfId="0" applyFill="1" applyBorder="1" applyAlignment="1">
      <alignment vertical="center" wrapText="1"/>
    </xf>
    <xf numFmtId="0" fontId="13" fillId="3" borderId="13" xfId="0" applyFont="1" applyFill="1" applyBorder="1" applyAlignment="1">
      <alignment horizontal="left" vertical="top" wrapText="1"/>
    </xf>
    <xf numFmtId="0" fontId="13" fillId="3" borderId="0" xfId="0" applyFont="1" applyFill="1" applyBorder="1" applyAlignment="1">
      <alignment horizontal="left" vertical="top" wrapText="1"/>
    </xf>
    <xf numFmtId="0" fontId="6" fillId="0" borderId="28" xfId="0" applyFont="1" applyFill="1" applyBorder="1" applyAlignment="1">
      <alignment vertical="center" wrapText="1"/>
    </xf>
    <xf numFmtId="0" fontId="6" fillId="0" borderId="28" xfId="0" applyFont="1" applyFill="1" applyBorder="1" applyAlignment="1">
      <alignment vertical="center"/>
    </xf>
    <xf numFmtId="0" fontId="6" fillId="0" borderId="58" xfId="0" applyFont="1" applyFill="1" applyBorder="1" applyAlignment="1"/>
    <xf numFmtId="0" fontId="0" fillId="0" borderId="59" xfId="0" applyFill="1" applyBorder="1" applyAlignment="1"/>
    <xf numFmtId="0" fontId="6" fillId="0" borderId="17" xfId="0" applyFont="1" applyFill="1" applyBorder="1" applyAlignment="1">
      <alignment horizontal="center" vertical="center"/>
    </xf>
    <xf numFmtId="0" fontId="0" fillId="0" borderId="18" xfId="0" applyFill="1" applyBorder="1" applyAlignment="1">
      <alignment horizontal="center" vertical="center"/>
    </xf>
    <xf numFmtId="0" fontId="0" fillId="0" borderId="19" xfId="0" applyFill="1" applyBorder="1" applyAlignment="1"/>
    <xf numFmtId="0" fontId="6" fillId="0" borderId="20" xfId="0" applyFont="1" applyFill="1" applyBorder="1" applyAlignment="1">
      <alignment horizontal="center" vertical="center"/>
    </xf>
    <xf numFmtId="0" fontId="0" fillId="0" borderId="31" xfId="0" applyFill="1" applyBorder="1" applyAlignment="1">
      <alignment horizontal="center" vertical="center"/>
    </xf>
    <xf numFmtId="0" fontId="0" fillId="0" borderId="31" xfId="0" applyFill="1" applyBorder="1" applyAlignment="1"/>
    <xf numFmtId="0" fontId="0" fillId="0" borderId="33" xfId="0" applyFill="1" applyBorder="1" applyAlignment="1">
      <alignment horizontal="center" vertical="center"/>
    </xf>
    <xf numFmtId="176" fontId="8" fillId="0" borderId="10" xfId="0" applyNumberFormat="1" applyFont="1" applyFill="1" applyBorder="1" applyAlignment="1"/>
    <xf numFmtId="176" fontId="8" fillId="0" borderId="11" xfId="0" applyNumberFormat="1" applyFont="1" applyFill="1" applyBorder="1" applyAlignment="1"/>
    <xf numFmtId="0" fontId="9" fillId="0" borderId="1" xfId="0" applyFont="1" applyFill="1" applyBorder="1" applyAlignment="1"/>
    <xf numFmtId="0" fontId="0" fillId="0" borderId="1" xfId="0" applyFill="1" applyBorder="1" applyAlignment="1"/>
    <xf numFmtId="176" fontId="9" fillId="0" borderId="4" xfId="0" applyNumberFormat="1" applyFont="1" applyFill="1" applyBorder="1" applyAlignment="1">
      <alignment horizontal="center" vertical="center"/>
    </xf>
    <xf numFmtId="176" fontId="9" fillId="0" borderId="35" xfId="0" applyNumberFormat="1" applyFont="1" applyFill="1" applyBorder="1" applyAlignment="1">
      <alignment horizontal="center" vertical="center"/>
    </xf>
    <xf numFmtId="0" fontId="6" fillId="0" borderId="34" xfId="0" applyFont="1" applyFill="1" applyBorder="1" applyAlignment="1">
      <alignment vertical="center"/>
    </xf>
    <xf numFmtId="0" fontId="0" fillId="0" borderId="5" xfId="0" applyFill="1" applyBorder="1" applyAlignment="1">
      <alignment vertical="center"/>
    </xf>
    <xf numFmtId="0" fontId="0" fillId="0" borderId="25" xfId="0" applyFill="1" applyBorder="1" applyAlignment="1">
      <alignment vertical="center"/>
    </xf>
    <xf numFmtId="0" fontId="0" fillId="0" borderId="26" xfId="0" applyFill="1" applyBorder="1" applyAlignment="1">
      <alignment vertical="center"/>
    </xf>
    <xf numFmtId="0" fontId="6" fillId="0" borderId="48" xfId="0" applyFont="1" applyFill="1" applyBorder="1" applyAlignment="1">
      <alignment horizontal="center" vertical="center"/>
    </xf>
    <xf numFmtId="0" fontId="6" fillId="0" borderId="2" xfId="0" applyFont="1" applyFill="1" applyBorder="1" applyAlignment="1">
      <alignment horizontal="left" vertical="center"/>
    </xf>
    <xf numFmtId="0" fontId="6" fillId="0" borderId="15" xfId="0" applyFont="1" applyFill="1" applyBorder="1" applyAlignment="1">
      <alignment horizontal="left" vertical="center"/>
    </xf>
    <xf numFmtId="0" fontId="6" fillId="0" borderId="32" xfId="0" applyFont="1" applyFill="1" applyBorder="1" applyAlignment="1">
      <alignment horizontal="center" vertical="center"/>
    </xf>
    <xf numFmtId="0" fontId="0" fillId="0" borderId="19" xfId="0" applyFill="1" applyBorder="1" applyAlignment="1">
      <alignment horizontal="center" vertical="center"/>
    </xf>
    <xf numFmtId="0" fontId="6" fillId="0" borderId="17" xfId="0" applyFont="1" applyFill="1" applyBorder="1" applyAlignment="1">
      <alignment horizontal="center" vertical="center" shrinkToFit="1"/>
    </xf>
    <xf numFmtId="0" fontId="6" fillId="0" borderId="18" xfId="0" applyFont="1" applyFill="1" applyBorder="1" applyAlignment="1">
      <alignment horizontal="center" vertical="center" shrinkToFit="1"/>
    </xf>
    <xf numFmtId="0" fontId="0" fillId="0" borderId="36" xfId="0" applyFill="1" applyBorder="1" applyAlignment="1">
      <alignment vertical="center"/>
    </xf>
    <xf numFmtId="0" fontId="0" fillId="0" borderId="7" xfId="0" applyFill="1" applyBorder="1" applyAlignment="1">
      <alignment vertical="center"/>
    </xf>
    <xf numFmtId="176" fontId="8" fillId="0" borderId="12" xfId="0" applyNumberFormat="1" applyFont="1" applyFill="1" applyBorder="1" applyAlignment="1"/>
    <xf numFmtId="0" fontId="9" fillId="0" borderId="10" xfId="0" applyFont="1" applyFill="1" applyBorder="1" applyAlignment="1"/>
    <xf numFmtId="0" fontId="9" fillId="0" borderId="11" xfId="0" applyFont="1" applyFill="1" applyBorder="1" applyAlignment="1"/>
    <xf numFmtId="0" fontId="6" fillId="0" borderId="25" xfId="0" applyFont="1" applyFill="1" applyBorder="1" applyAlignment="1">
      <alignment wrapText="1"/>
    </xf>
    <xf numFmtId="0" fontId="6" fillId="0" borderId="28" xfId="0" applyFont="1" applyFill="1" applyBorder="1" applyAlignment="1">
      <alignment wrapText="1"/>
    </xf>
    <xf numFmtId="0" fontId="6" fillId="0" borderId="38" xfId="0" applyFont="1" applyFill="1" applyBorder="1" applyAlignment="1">
      <alignment wrapText="1"/>
    </xf>
    <xf numFmtId="0" fontId="6" fillId="0" borderId="0" xfId="0" applyFont="1" applyFill="1" applyBorder="1" applyAlignment="1">
      <alignment horizontal="left" wrapText="1"/>
    </xf>
    <xf numFmtId="0" fontId="6" fillId="0" borderId="58" xfId="0" applyFont="1" applyFill="1" applyBorder="1" applyAlignment="1">
      <alignment vertical="center" wrapText="1"/>
    </xf>
    <xf numFmtId="0" fontId="0" fillId="0" borderId="59" xfId="0" applyFill="1" applyBorder="1" applyAlignment="1">
      <alignment vertical="center" wrapText="1"/>
    </xf>
    <xf numFmtId="0" fontId="6" fillId="0" borderId="18" xfId="0" applyFont="1" applyFill="1" applyBorder="1" applyAlignment="1">
      <alignment horizontal="center" vertical="center"/>
    </xf>
    <xf numFmtId="0" fontId="9" fillId="0" borderId="18" xfId="0" applyFont="1" applyFill="1" applyBorder="1" applyAlignment="1">
      <alignment horizontal="center" vertical="center"/>
    </xf>
    <xf numFmtId="0" fontId="6" fillId="0" borderId="19" xfId="0" applyFont="1" applyFill="1" applyBorder="1" applyAlignment="1">
      <alignment horizontal="center" vertical="center"/>
    </xf>
    <xf numFmtId="0" fontId="6" fillId="0" borderId="61" xfId="0" applyFont="1" applyFill="1" applyBorder="1" applyAlignment="1">
      <alignment vertical="center" wrapText="1"/>
    </xf>
    <xf numFmtId="0" fontId="6" fillId="0" borderId="62" xfId="0" applyFont="1" applyFill="1" applyBorder="1" applyAlignment="1">
      <alignment vertical="center" wrapText="1"/>
    </xf>
    <xf numFmtId="0" fontId="9" fillId="0" borderId="34" xfId="0" applyFont="1" applyFill="1" applyBorder="1" applyAlignment="1">
      <alignment horizontal="left" vertical="center" wrapText="1"/>
    </xf>
    <xf numFmtId="0" fontId="9" fillId="0" borderId="21" xfId="0" applyFont="1" applyFill="1" applyBorder="1" applyAlignment="1">
      <alignment horizontal="left" vertical="center" wrapText="1"/>
    </xf>
    <xf numFmtId="0" fontId="4" fillId="0" borderId="25" xfId="0" applyFont="1" applyFill="1" applyBorder="1" applyAlignment="1">
      <alignment horizontal="left" wrapText="1"/>
    </xf>
    <xf numFmtId="0" fontId="4" fillId="0" borderId="26" xfId="0" applyFont="1" applyFill="1" applyBorder="1" applyAlignment="1">
      <alignment horizontal="left" wrapText="1"/>
    </xf>
    <xf numFmtId="0" fontId="6" fillId="0" borderId="13" xfId="0" applyFont="1" applyFill="1" applyBorder="1" applyAlignment="1">
      <alignment vertical="top" wrapText="1"/>
    </xf>
    <xf numFmtId="0" fontId="0" fillId="0" borderId="0" xfId="0" applyFill="1" applyBorder="1" applyAlignment="1">
      <alignment vertical="top" wrapText="1"/>
    </xf>
    <xf numFmtId="0" fontId="0" fillId="0" borderId="37" xfId="0" applyFill="1" applyBorder="1" applyAlignment="1">
      <alignment vertical="top" wrapText="1"/>
    </xf>
    <xf numFmtId="0" fontId="0" fillId="0" borderId="27" xfId="0" applyFill="1" applyBorder="1" applyAlignment="1">
      <alignment vertical="top" wrapText="1"/>
    </xf>
    <xf numFmtId="0" fontId="0" fillId="0" borderId="28" xfId="0" applyFill="1" applyBorder="1" applyAlignment="1">
      <alignment vertical="top" wrapText="1"/>
    </xf>
    <xf numFmtId="0" fontId="0" fillId="0" borderId="38" xfId="0" applyFill="1" applyBorder="1" applyAlignment="1">
      <alignment vertical="top" wrapText="1"/>
    </xf>
    <xf numFmtId="0" fontId="6" fillId="0" borderId="43" xfId="0" applyFont="1" applyFill="1" applyBorder="1" applyAlignment="1">
      <alignment horizontal="center" vertical="center" wrapText="1"/>
    </xf>
    <xf numFmtId="0" fontId="6" fillId="0" borderId="44" xfId="0" applyFont="1" applyFill="1" applyBorder="1" applyAlignment="1">
      <alignment horizontal="center" vertical="center" wrapText="1"/>
    </xf>
    <xf numFmtId="0" fontId="6" fillId="0" borderId="45" xfId="0" applyFont="1" applyFill="1" applyBorder="1" applyAlignment="1">
      <alignment horizontal="left" vertical="center"/>
    </xf>
    <xf numFmtId="0" fontId="6" fillId="0" borderId="46" xfId="0" applyFont="1" applyFill="1" applyBorder="1" applyAlignment="1">
      <alignment horizontal="left" vertical="center"/>
    </xf>
    <xf numFmtId="0" fontId="6" fillId="0" borderId="44" xfId="0" applyFont="1" applyFill="1" applyBorder="1" applyAlignment="1">
      <alignment horizontal="left" vertical="center"/>
    </xf>
    <xf numFmtId="0" fontId="6" fillId="0" borderId="45" xfId="0" applyFont="1" applyFill="1" applyBorder="1" applyAlignment="1">
      <alignment horizontal="center" vertical="center"/>
    </xf>
    <xf numFmtId="0" fontId="6" fillId="0" borderId="47" xfId="0" applyFont="1" applyFill="1" applyBorder="1" applyAlignment="1">
      <alignment horizontal="center" vertical="center"/>
    </xf>
    <xf numFmtId="0" fontId="6" fillId="0" borderId="28" xfId="0" applyFont="1" applyFill="1" applyBorder="1" applyAlignment="1">
      <alignment horizontal="left" shrinkToFit="1"/>
    </xf>
    <xf numFmtId="0" fontId="9" fillId="0" borderId="5" xfId="0" applyFont="1" applyFill="1" applyBorder="1" applyAlignment="1">
      <alignment horizontal="left"/>
    </xf>
    <xf numFmtId="0" fontId="9" fillId="0" borderId="14" xfId="0" applyFont="1" applyFill="1" applyBorder="1" applyAlignment="1">
      <alignment horizontal="left"/>
    </xf>
    <xf numFmtId="0" fontId="9" fillId="0" borderId="36" xfId="0" applyFont="1" applyFill="1" applyBorder="1" applyAlignment="1">
      <alignment horizontal="left"/>
    </xf>
    <xf numFmtId="0" fontId="9" fillId="0" borderId="7" xfId="0" applyFont="1" applyFill="1" applyBorder="1" applyAlignment="1">
      <alignment horizontal="left"/>
    </xf>
    <xf numFmtId="0" fontId="0" fillId="0" borderId="0" xfId="0" applyFill="1" applyAlignment="1">
      <alignment vertical="top" wrapText="1"/>
    </xf>
    <xf numFmtId="0" fontId="0" fillId="0" borderId="6" xfId="0" applyFill="1" applyBorder="1" applyAlignment="1">
      <alignment vertical="top" wrapText="1"/>
    </xf>
    <xf numFmtId="0" fontId="0" fillId="0" borderId="9" xfId="0" applyFill="1" applyBorder="1" applyAlignment="1">
      <alignment vertical="top" wrapText="1"/>
    </xf>
    <xf numFmtId="0" fontId="0" fillId="0" borderId="39" xfId="0" applyFill="1" applyBorder="1" applyAlignment="1">
      <alignment vertical="top" wrapText="1"/>
    </xf>
    <xf numFmtId="0" fontId="0" fillId="0" borderId="33" xfId="0" applyFill="1" applyBorder="1" applyAlignment="1"/>
    <xf numFmtId="0" fontId="6" fillId="0" borderId="54" xfId="0" applyFont="1" applyFill="1" applyBorder="1" applyAlignment="1">
      <alignment horizontal="center" vertical="center"/>
    </xf>
    <xf numFmtId="0" fontId="0" fillId="0" borderId="60" xfId="0" applyFill="1" applyBorder="1" applyAlignment="1">
      <alignment horizontal="center" vertical="center"/>
    </xf>
    <xf numFmtId="0" fontId="6" fillId="0" borderId="16" xfId="0" applyFont="1" applyFill="1" applyBorder="1" applyAlignment="1">
      <alignment horizontal="center" vertical="center" wrapText="1"/>
    </xf>
    <xf numFmtId="0" fontId="0" fillId="0" borderId="11" xfId="0" applyFill="1" applyBorder="1" applyAlignment="1">
      <alignment horizontal="center" vertical="center" wrapText="1"/>
    </xf>
    <xf numFmtId="0" fontId="6" fillId="0" borderId="34" xfId="0" applyFont="1" applyFill="1" applyBorder="1" applyAlignment="1">
      <alignment horizontal="center"/>
    </xf>
    <xf numFmtId="0" fontId="6" fillId="0" borderId="8" xfId="0" applyFont="1" applyFill="1" applyBorder="1" applyAlignment="1">
      <alignment horizontal="center"/>
    </xf>
    <xf numFmtId="0" fontId="6" fillId="0" borderId="5" xfId="0" applyFont="1" applyFill="1" applyBorder="1" applyAlignment="1">
      <alignment horizontal="center"/>
    </xf>
    <xf numFmtId="0" fontId="6" fillId="0" borderId="36" xfId="0" applyFont="1" applyFill="1" applyBorder="1" applyAlignment="1">
      <alignment horizontal="center"/>
    </xf>
    <xf numFmtId="0" fontId="6" fillId="0" borderId="9" xfId="0" applyFont="1" applyFill="1" applyBorder="1" applyAlignment="1">
      <alignment horizontal="center"/>
    </xf>
    <xf numFmtId="0" fontId="6" fillId="0" borderId="7" xfId="0" applyFont="1" applyFill="1" applyBorder="1" applyAlignment="1">
      <alignment horizontal="center"/>
    </xf>
    <xf numFmtId="0" fontId="13" fillId="0" borderId="35" xfId="0" applyFont="1" applyFill="1" applyBorder="1" applyAlignment="1">
      <alignment horizontal="center" vertical="center"/>
    </xf>
    <xf numFmtId="0" fontId="13" fillId="0" borderId="37" xfId="0" applyFont="1" applyFill="1" applyBorder="1" applyAlignment="1">
      <alignment horizontal="center" vertical="center"/>
    </xf>
    <xf numFmtId="0" fontId="6" fillId="0" borderId="25" xfId="0" applyFont="1" applyFill="1" applyBorder="1" applyAlignment="1">
      <alignment horizontal="center"/>
    </xf>
    <xf numFmtId="0" fontId="6" fillId="0" borderId="28" xfId="0" applyFont="1" applyFill="1" applyBorder="1" applyAlignment="1">
      <alignment horizontal="center"/>
    </xf>
    <xf numFmtId="0" fontId="6" fillId="0" borderId="26" xfId="0" applyFont="1" applyFill="1" applyBorder="1" applyAlignment="1">
      <alignment horizontal="center"/>
    </xf>
    <xf numFmtId="0" fontId="13" fillId="0" borderId="27" xfId="0" applyFont="1" applyFill="1" applyBorder="1" applyAlignment="1">
      <alignment horizontal="center" vertical="center"/>
    </xf>
    <xf numFmtId="0" fontId="13" fillId="0" borderId="26" xfId="0" applyFont="1" applyFill="1" applyBorder="1" applyAlignment="1">
      <alignment horizontal="center" vertical="center"/>
    </xf>
    <xf numFmtId="0" fontId="13" fillId="0" borderId="38" xfId="0" applyFont="1" applyFill="1" applyBorder="1" applyAlignment="1">
      <alignment horizontal="center" vertical="center"/>
    </xf>
    <xf numFmtId="0" fontId="6" fillId="0" borderId="0" xfId="0" applyFont="1" applyFill="1" applyAlignment="1">
      <alignment vertical="center"/>
    </xf>
    <xf numFmtId="0" fontId="13" fillId="0" borderId="0" xfId="0" applyFont="1" applyFill="1" applyAlignment="1">
      <alignment vertical="center"/>
    </xf>
    <xf numFmtId="0" fontId="6" fillId="0" borderId="33" xfId="0" applyFont="1" applyFill="1" applyBorder="1" applyAlignment="1">
      <alignment horizontal="center" vertical="center"/>
    </xf>
    <xf numFmtId="0" fontId="6" fillId="0" borderId="66" xfId="0" applyFont="1" applyFill="1" applyBorder="1" applyAlignment="1"/>
    <xf numFmtId="0" fontId="6" fillId="0" borderId="67" xfId="0" applyFont="1" applyFill="1" applyBorder="1" applyAlignment="1"/>
    <xf numFmtId="0" fontId="13" fillId="0" borderId="67" xfId="0" applyFont="1" applyFill="1" applyBorder="1" applyAlignment="1"/>
    <xf numFmtId="0" fontId="13" fillId="0" borderId="68" xfId="0" applyFont="1" applyFill="1" applyBorder="1" applyAlignment="1"/>
    <xf numFmtId="0" fontId="13" fillId="0" borderId="70" xfId="0" applyFont="1" applyFill="1" applyBorder="1" applyAlignment="1"/>
    <xf numFmtId="0" fontId="13" fillId="0" borderId="71" xfId="0" applyFont="1" applyFill="1" applyBorder="1" applyAlignment="1"/>
    <xf numFmtId="0" fontId="13" fillId="0" borderId="72" xfId="0" applyFont="1" applyFill="1" applyBorder="1" applyAlignment="1"/>
    <xf numFmtId="0" fontId="13" fillId="0" borderId="74" xfId="0" applyFont="1" applyFill="1" applyBorder="1" applyAlignment="1"/>
    <xf numFmtId="0" fontId="13" fillId="0" borderId="75" xfId="0" applyFont="1" applyFill="1" applyBorder="1" applyAlignment="1"/>
    <xf numFmtId="0" fontId="13" fillId="0" borderId="76" xfId="0" applyFont="1" applyFill="1" applyBorder="1" applyAlignment="1"/>
    <xf numFmtId="0" fontId="13" fillId="0" borderId="18" xfId="0" applyFont="1" applyFill="1" applyBorder="1" applyAlignment="1">
      <alignment horizontal="center" vertical="center"/>
    </xf>
    <xf numFmtId="0" fontId="13" fillId="0" borderId="19" xfId="0" applyFont="1" applyFill="1" applyBorder="1" applyAlignment="1">
      <alignment horizontal="center" vertical="center"/>
    </xf>
    <xf numFmtId="0" fontId="13" fillId="0" borderId="23" xfId="0" applyFont="1" applyFill="1" applyBorder="1" applyAlignment="1">
      <alignment horizontal="center" vertical="center" textRotation="255" wrapText="1"/>
    </xf>
    <xf numFmtId="0" fontId="13" fillId="0" borderId="77" xfId="0" applyFont="1" applyFill="1" applyBorder="1" applyAlignment="1">
      <alignment horizontal="center" vertical="center" textRotation="255" wrapText="1"/>
    </xf>
    <xf numFmtId="0" fontId="13" fillId="0" borderId="82" xfId="0" applyFont="1" applyFill="1" applyBorder="1" applyAlignment="1">
      <alignment horizontal="center" vertical="center" textRotation="255" wrapText="1"/>
    </xf>
    <xf numFmtId="0" fontId="6" fillId="0" borderId="83" xfId="0" applyFont="1" applyFill="1" applyBorder="1" applyAlignment="1">
      <alignment horizontal="center" vertical="center"/>
    </xf>
    <xf numFmtId="0" fontId="6" fillId="0" borderId="84" xfId="0" applyFont="1" applyFill="1" applyBorder="1" applyAlignment="1">
      <alignment horizontal="center" vertical="center"/>
    </xf>
    <xf numFmtId="0" fontId="6" fillId="0" borderId="21" xfId="0" applyFont="1" applyFill="1" applyBorder="1" applyAlignment="1">
      <alignment horizontal="center" vertical="center"/>
    </xf>
    <xf numFmtId="0" fontId="6" fillId="0" borderId="14" xfId="0" applyFont="1" applyFill="1" applyBorder="1" applyAlignment="1">
      <alignment horizontal="center" vertical="center"/>
    </xf>
    <xf numFmtId="0" fontId="6" fillId="0" borderId="89" xfId="0" applyFont="1" applyFill="1" applyBorder="1" applyAlignment="1">
      <alignment horizontal="center" vertical="center"/>
    </xf>
    <xf numFmtId="0" fontId="6" fillId="0" borderId="90" xfId="0" applyFont="1" applyFill="1" applyBorder="1" applyAlignment="1">
      <alignment horizontal="center" vertical="center"/>
    </xf>
    <xf numFmtId="0" fontId="6" fillId="0" borderId="85" xfId="0" applyFont="1" applyFill="1" applyBorder="1" applyAlignment="1">
      <alignment horizontal="left" vertical="center"/>
    </xf>
    <xf numFmtId="0" fontId="6" fillId="0" borderId="86" xfId="0" applyFont="1" applyFill="1" applyBorder="1" applyAlignment="1">
      <alignment horizontal="left" vertical="center"/>
    </xf>
    <xf numFmtId="0" fontId="6" fillId="0" borderId="87" xfId="0" applyFont="1" applyFill="1" applyBorder="1" applyAlignment="1"/>
    <xf numFmtId="0" fontId="13" fillId="0" borderId="88" xfId="0" applyFont="1" applyFill="1" applyBorder="1" applyAlignment="1"/>
    <xf numFmtId="0" fontId="13" fillId="0" borderId="92" xfId="0" applyFont="1" applyFill="1" applyBorder="1" applyAlignment="1"/>
    <xf numFmtId="0" fontId="6" fillId="0" borderId="94" xfId="0" applyFont="1" applyFill="1" applyBorder="1" applyAlignment="1">
      <alignment horizontal="center" vertical="center"/>
    </xf>
    <xf numFmtId="0" fontId="6" fillId="0" borderId="95" xfId="0" applyFont="1" applyFill="1" applyBorder="1" applyAlignment="1">
      <alignment horizontal="center" vertical="center"/>
    </xf>
    <xf numFmtId="0" fontId="6" fillId="0" borderId="25" xfId="0" applyFont="1" applyFill="1" applyBorder="1" applyAlignment="1">
      <alignment horizontal="center" vertical="center"/>
    </xf>
    <xf numFmtId="0" fontId="6" fillId="0" borderId="26" xfId="0" applyFont="1" applyFill="1" applyBorder="1" applyAlignment="1">
      <alignment horizontal="center" vertical="center"/>
    </xf>
    <xf numFmtId="0" fontId="13" fillId="0" borderId="31" xfId="0" applyFont="1" applyFill="1" applyBorder="1" applyAlignment="1">
      <alignment horizontal="left" vertical="center"/>
    </xf>
    <xf numFmtId="0" fontId="6" fillId="0" borderId="0" xfId="0" applyFont="1" applyFill="1" applyBorder="1" applyAlignment="1"/>
    <xf numFmtId="0" fontId="26" fillId="0" borderId="36" xfId="3" applyFont="1" applyFill="1" applyBorder="1" applyAlignment="1">
      <alignment horizontal="center"/>
    </xf>
    <xf numFmtId="0" fontId="26" fillId="0" borderId="7" xfId="3" applyFont="1" applyFill="1" applyBorder="1" applyAlignment="1">
      <alignment horizontal="center"/>
    </xf>
    <xf numFmtId="0" fontId="26" fillId="0" borderId="21" xfId="3" applyFont="1" applyFill="1" applyBorder="1" applyAlignment="1">
      <alignment horizontal="center"/>
    </xf>
    <xf numFmtId="0" fontId="26" fillId="0" borderId="14" xfId="3" applyFont="1" applyFill="1" applyBorder="1" applyAlignment="1">
      <alignment horizontal="center"/>
    </xf>
    <xf numFmtId="0" fontId="26" fillId="0" borderId="34" xfId="3" applyFont="1" applyFill="1" applyBorder="1" applyAlignment="1">
      <alignment horizontal="center" vertical="center" textRotation="255" wrapText="1"/>
    </xf>
    <xf numFmtId="0" fontId="26" fillId="0" borderId="5" xfId="3" applyFont="1" applyFill="1" applyBorder="1" applyAlignment="1">
      <alignment horizontal="center" vertical="center" textRotation="255" wrapText="1"/>
    </xf>
    <xf numFmtId="0" fontId="26" fillId="0" borderId="21" xfId="3" applyFont="1" applyFill="1" applyBorder="1" applyAlignment="1">
      <alignment horizontal="center" vertical="center" textRotation="255" wrapText="1"/>
    </xf>
    <xf numFmtId="0" fontId="26" fillId="0" borderId="14" xfId="3" applyFont="1" applyFill="1" applyBorder="1" applyAlignment="1">
      <alignment horizontal="center" vertical="center" textRotation="255" wrapText="1"/>
    </xf>
    <xf numFmtId="0" fontId="26" fillId="0" borderId="36" xfId="3" applyFont="1" applyFill="1" applyBorder="1" applyAlignment="1">
      <alignment horizontal="center" vertical="center" textRotation="255" wrapText="1"/>
    </xf>
    <xf numFmtId="0" fontId="26" fillId="0" borderId="7" xfId="3" applyFont="1" applyFill="1" applyBorder="1" applyAlignment="1">
      <alignment horizontal="center" vertical="center" textRotation="255" wrapText="1"/>
    </xf>
    <xf numFmtId="0" fontId="26" fillId="0" borderId="32" xfId="3" applyFont="1" applyFill="1" applyBorder="1" applyAlignment="1">
      <alignment horizontal="center"/>
    </xf>
    <xf numFmtId="0" fontId="26" fillId="0" borderId="18" xfId="3" applyFont="1" applyFill="1" applyBorder="1" applyAlignment="1">
      <alignment horizontal="center"/>
    </xf>
    <xf numFmtId="0" fontId="26" fillId="0" borderId="19" xfId="3" applyFont="1" applyFill="1" applyBorder="1" applyAlignment="1">
      <alignment horizontal="center"/>
    </xf>
    <xf numFmtId="0" fontId="26" fillId="0" borderId="0" xfId="3" applyFont="1" applyFill="1" applyBorder="1" applyAlignment="1">
      <alignment horizontal="center"/>
    </xf>
    <xf numFmtId="0" fontId="26" fillId="0" borderId="34" xfId="3" applyFont="1" applyFill="1" applyBorder="1" applyAlignment="1">
      <alignment horizontal="center"/>
    </xf>
    <xf numFmtId="0" fontId="26" fillId="0" borderId="8" xfId="3" applyFont="1" applyFill="1" applyBorder="1" applyAlignment="1">
      <alignment horizontal="center"/>
    </xf>
    <xf numFmtId="0" fontId="26" fillId="0" borderId="5" xfId="3" applyFont="1" applyFill="1" applyBorder="1" applyAlignment="1">
      <alignment horizontal="center"/>
    </xf>
    <xf numFmtId="0" fontId="26" fillId="0" borderId="9" xfId="3" applyFont="1" applyFill="1" applyBorder="1" applyAlignment="1">
      <alignment horizontal="center"/>
    </xf>
    <xf numFmtId="0" fontId="26" fillId="0" borderId="34" xfId="3" applyFont="1" applyFill="1" applyBorder="1" applyAlignment="1">
      <alignment horizontal="center" vertical="center" textRotation="255"/>
    </xf>
    <xf numFmtId="0" fontId="26" fillId="0" borderId="5" xfId="3" applyFont="1" applyFill="1" applyBorder="1" applyAlignment="1">
      <alignment horizontal="center" vertical="center" textRotation="255"/>
    </xf>
    <xf numFmtId="0" fontId="26" fillId="0" borderId="21" xfId="3" applyFont="1" applyFill="1" applyBorder="1" applyAlignment="1">
      <alignment horizontal="center" vertical="center" textRotation="255"/>
    </xf>
    <xf numFmtId="0" fontId="26" fillId="0" borderId="14" xfId="3" applyFont="1" applyFill="1" applyBorder="1" applyAlignment="1">
      <alignment horizontal="center" vertical="center" textRotation="255"/>
    </xf>
    <xf numFmtId="0" fontId="26" fillId="0" borderId="36" xfId="3" applyFont="1" applyFill="1" applyBorder="1" applyAlignment="1">
      <alignment horizontal="center" vertical="center" textRotation="255"/>
    </xf>
    <xf numFmtId="0" fontId="26" fillId="0" borderId="7" xfId="3" applyFont="1" applyFill="1" applyBorder="1" applyAlignment="1">
      <alignment horizontal="center" vertical="center" textRotation="255"/>
    </xf>
    <xf numFmtId="0" fontId="27" fillId="0" borderId="21" xfId="3" applyFont="1" applyFill="1" applyBorder="1" applyAlignment="1">
      <alignment horizontal="center"/>
    </xf>
    <xf numFmtId="0" fontId="27" fillId="0" borderId="14" xfId="3" applyFont="1" applyFill="1" applyBorder="1" applyAlignment="1">
      <alignment horizontal="center"/>
    </xf>
    <xf numFmtId="0" fontId="13" fillId="0" borderId="4" xfId="0" applyFont="1" applyBorder="1">
      <alignment vertical="center"/>
    </xf>
    <xf numFmtId="0" fontId="15" fillId="0" borderId="4" xfId="0" applyFont="1" applyFill="1" applyBorder="1" applyAlignment="1">
      <alignment vertical="center"/>
    </xf>
    <xf numFmtId="0" fontId="22" fillId="0" borderId="13" xfId="0" applyFont="1" applyFill="1" applyBorder="1" applyAlignment="1">
      <alignment vertical="center"/>
    </xf>
    <xf numFmtId="0" fontId="15" fillId="0" borderId="13" xfId="0" applyFont="1" applyFill="1" applyBorder="1" applyAlignment="1">
      <alignment vertical="center"/>
    </xf>
    <xf numFmtId="0" fontId="15" fillId="0" borderId="13" xfId="0" applyFont="1" applyFill="1" applyBorder="1" applyAlignment="1">
      <alignment horizontal="center" vertical="center"/>
    </xf>
  </cellXfs>
  <cellStyles count="4">
    <cellStyle name="通貨" xfId="1" builtinId="7"/>
    <cellStyle name="標準" xfId="0" builtinId="0"/>
    <cellStyle name="標準 2" xfId="2"/>
    <cellStyle name="標準_Ｈ１６民保０７" xfId="3"/>
  </cellStyles>
  <dxfs count="0"/>
  <tableStyles count="0" defaultTableStyle="TableStyleMedium2" defaultPivotStyle="PivotStyleLight16"/>
  <colors>
    <mruColors>
      <color rgb="FFFF99FF"/>
      <color rgb="FFFFDD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42875</xdr:colOff>
          <xdr:row>65</xdr:row>
          <xdr:rowOff>133350</xdr:rowOff>
        </xdr:from>
        <xdr:to>
          <xdr:col>6</xdr:col>
          <xdr:colOff>57150</xdr:colOff>
          <xdr:row>67</xdr:row>
          <xdr:rowOff>47625</xdr:rowOff>
        </xdr:to>
        <xdr:sp macro="" textlink="">
          <xdr:nvSpPr>
            <xdr:cNvPr id="2049" name="Check Box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5</xdr:row>
          <xdr:rowOff>133350</xdr:rowOff>
        </xdr:from>
        <xdr:to>
          <xdr:col>7</xdr:col>
          <xdr:colOff>590550</xdr:colOff>
          <xdr:row>67</xdr:row>
          <xdr:rowOff>57150</xdr:rowOff>
        </xdr:to>
        <xdr:sp macro="" textlink="">
          <xdr:nvSpPr>
            <xdr:cNvPr id="2050"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69</xdr:row>
          <xdr:rowOff>133350</xdr:rowOff>
        </xdr:from>
        <xdr:to>
          <xdr:col>6</xdr:col>
          <xdr:colOff>57150</xdr:colOff>
          <xdr:row>71</xdr:row>
          <xdr:rowOff>47625</xdr:rowOff>
        </xdr:to>
        <xdr:sp macro="" textlink="">
          <xdr:nvSpPr>
            <xdr:cNvPr id="2556" name="Check Box 508" hidden="1">
              <a:extLst>
                <a:ext uri="{63B3BB69-23CF-44E3-9099-C40C66FF867C}">
                  <a14:compatExt spid="_x0000_s25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9</xdr:row>
          <xdr:rowOff>133350</xdr:rowOff>
        </xdr:from>
        <xdr:to>
          <xdr:col>7</xdr:col>
          <xdr:colOff>590550</xdr:colOff>
          <xdr:row>71</xdr:row>
          <xdr:rowOff>57150</xdr:rowOff>
        </xdr:to>
        <xdr:sp macro="" textlink="">
          <xdr:nvSpPr>
            <xdr:cNvPr id="2557" name="Check Box 509" hidden="1">
              <a:extLst>
                <a:ext uri="{63B3BB69-23CF-44E3-9099-C40C66FF867C}">
                  <a14:compatExt spid="_x0000_s25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73</xdr:row>
          <xdr:rowOff>133350</xdr:rowOff>
        </xdr:from>
        <xdr:to>
          <xdr:col>6</xdr:col>
          <xdr:colOff>57150</xdr:colOff>
          <xdr:row>75</xdr:row>
          <xdr:rowOff>47625</xdr:rowOff>
        </xdr:to>
        <xdr:sp macro="" textlink="">
          <xdr:nvSpPr>
            <xdr:cNvPr id="2558" name="Check Box 510" hidden="1">
              <a:extLst>
                <a:ext uri="{63B3BB69-23CF-44E3-9099-C40C66FF867C}">
                  <a14:compatExt spid="_x0000_s25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3</xdr:row>
          <xdr:rowOff>133350</xdr:rowOff>
        </xdr:from>
        <xdr:to>
          <xdr:col>7</xdr:col>
          <xdr:colOff>590550</xdr:colOff>
          <xdr:row>75</xdr:row>
          <xdr:rowOff>57150</xdr:rowOff>
        </xdr:to>
        <xdr:sp macro="" textlink="">
          <xdr:nvSpPr>
            <xdr:cNvPr id="2559" name="Check Box 511" hidden="1">
              <a:extLst>
                <a:ext uri="{63B3BB69-23CF-44E3-9099-C40C66FF867C}">
                  <a14:compatExt spid="_x0000_s25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76</xdr:row>
          <xdr:rowOff>161925</xdr:rowOff>
        </xdr:from>
        <xdr:to>
          <xdr:col>6</xdr:col>
          <xdr:colOff>76200</xdr:colOff>
          <xdr:row>78</xdr:row>
          <xdr:rowOff>66675</xdr:rowOff>
        </xdr:to>
        <xdr:sp macro="" textlink="">
          <xdr:nvSpPr>
            <xdr:cNvPr id="2560" name="Check Box 512" hidden="1">
              <a:extLst>
                <a:ext uri="{63B3BB69-23CF-44E3-9099-C40C66FF867C}">
                  <a14:compatExt spid="_x0000_s25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8575</xdr:colOff>
          <xdr:row>76</xdr:row>
          <xdr:rowOff>161925</xdr:rowOff>
        </xdr:from>
        <xdr:to>
          <xdr:col>7</xdr:col>
          <xdr:colOff>581025</xdr:colOff>
          <xdr:row>78</xdr:row>
          <xdr:rowOff>85725</xdr:rowOff>
        </xdr:to>
        <xdr:sp macro="" textlink="">
          <xdr:nvSpPr>
            <xdr:cNvPr id="2561" name="Check Box 513" hidden="1">
              <a:extLst>
                <a:ext uri="{63B3BB69-23CF-44E3-9099-C40C66FF867C}">
                  <a14:compatExt spid="_x0000_s25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79</xdr:row>
          <xdr:rowOff>133350</xdr:rowOff>
        </xdr:from>
        <xdr:to>
          <xdr:col>6</xdr:col>
          <xdr:colOff>57150</xdr:colOff>
          <xdr:row>81</xdr:row>
          <xdr:rowOff>47625</xdr:rowOff>
        </xdr:to>
        <xdr:sp macro="" textlink="">
          <xdr:nvSpPr>
            <xdr:cNvPr id="2562" name="Check Box 514" hidden="1">
              <a:extLst>
                <a:ext uri="{63B3BB69-23CF-44E3-9099-C40C66FF867C}">
                  <a14:compatExt spid="_x0000_s25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9</xdr:row>
          <xdr:rowOff>133350</xdr:rowOff>
        </xdr:from>
        <xdr:to>
          <xdr:col>7</xdr:col>
          <xdr:colOff>590550</xdr:colOff>
          <xdr:row>81</xdr:row>
          <xdr:rowOff>57150</xdr:rowOff>
        </xdr:to>
        <xdr:sp macro="" textlink="">
          <xdr:nvSpPr>
            <xdr:cNvPr id="2563" name="Check Box 515" hidden="1">
              <a:extLst>
                <a:ext uri="{63B3BB69-23CF-44E3-9099-C40C66FF867C}">
                  <a14:compatExt spid="_x0000_s25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84</xdr:row>
          <xdr:rowOff>133350</xdr:rowOff>
        </xdr:from>
        <xdr:to>
          <xdr:col>6</xdr:col>
          <xdr:colOff>57150</xdr:colOff>
          <xdr:row>86</xdr:row>
          <xdr:rowOff>47625</xdr:rowOff>
        </xdr:to>
        <xdr:sp macro="" textlink="">
          <xdr:nvSpPr>
            <xdr:cNvPr id="2564" name="Check Box 516" hidden="1">
              <a:extLst>
                <a:ext uri="{63B3BB69-23CF-44E3-9099-C40C66FF867C}">
                  <a14:compatExt spid="_x0000_s25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4</xdr:row>
          <xdr:rowOff>133350</xdr:rowOff>
        </xdr:from>
        <xdr:to>
          <xdr:col>7</xdr:col>
          <xdr:colOff>590550</xdr:colOff>
          <xdr:row>86</xdr:row>
          <xdr:rowOff>57150</xdr:rowOff>
        </xdr:to>
        <xdr:sp macro="" textlink="">
          <xdr:nvSpPr>
            <xdr:cNvPr id="2565" name="Check Box 517" hidden="1">
              <a:extLst>
                <a:ext uri="{63B3BB69-23CF-44E3-9099-C40C66FF867C}">
                  <a14:compatExt spid="_x0000_s25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88</xdr:row>
          <xdr:rowOff>133350</xdr:rowOff>
        </xdr:from>
        <xdr:to>
          <xdr:col>6</xdr:col>
          <xdr:colOff>57150</xdr:colOff>
          <xdr:row>90</xdr:row>
          <xdr:rowOff>47625</xdr:rowOff>
        </xdr:to>
        <xdr:sp macro="" textlink="">
          <xdr:nvSpPr>
            <xdr:cNvPr id="2566" name="Check Box 518" hidden="1">
              <a:extLst>
                <a:ext uri="{63B3BB69-23CF-44E3-9099-C40C66FF867C}">
                  <a14:compatExt spid="_x0000_s25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8</xdr:row>
          <xdr:rowOff>133350</xdr:rowOff>
        </xdr:from>
        <xdr:to>
          <xdr:col>7</xdr:col>
          <xdr:colOff>590550</xdr:colOff>
          <xdr:row>90</xdr:row>
          <xdr:rowOff>57150</xdr:rowOff>
        </xdr:to>
        <xdr:sp macro="" textlink="">
          <xdr:nvSpPr>
            <xdr:cNvPr id="2567" name="Check Box 519" hidden="1">
              <a:extLst>
                <a:ext uri="{63B3BB69-23CF-44E3-9099-C40C66FF867C}">
                  <a14:compatExt spid="_x0000_s25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95</xdr:row>
          <xdr:rowOff>133350</xdr:rowOff>
        </xdr:from>
        <xdr:to>
          <xdr:col>6</xdr:col>
          <xdr:colOff>57150</xdr:colOff>
          <xdr:row>97</xdr:row>
          <xdr:rowOff>47625</xdr:rowOff>
        </xdr:to>
        <xdr:sp macro="" textlink="">
          <xdr:nvSpPr>
            <xdr:cNvPr id="2568" name="Check Box 520" hidden="1">
              <a:extLst>
                <a:ext uri="{63B3BB69-23CF-44E3-9099-C40C66FF867C}">
                  <a14:compatExt spid="_x0000_s25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5</xdr:row>
          <xdr:rowOff>133350</xdr:rowOff>
        </xdr:from>
        <xdr:to>
          <xdr:col>7</xdr:col>
          <xdr:colOff>590550</xdr:colOff>
          <xdr:row>97</xdr:row>
          <xdr:rowOff>57150</xdr:rowOff>
        </xdr:to>
        <xdr:sp macro="" textlink="">
          <xdr:nvSpPr>
            <xdr:cNvPr id="2569" name="Check Box 521" hidden="1">
              <a:extLst>
                <a:ext uri="{63B3BB69-23CF-44E3-9099-C40C66FF867C}">
                  <a14:compatExt spid="_x0000_s25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98</xdr:row>
          <xdr:rowOff>133350</xdr:rowOff>
        </xdr:from>
        <xdr:to>
          <xdr:col>6</xdr:col>
          <xdr:colOff>57150</xdr:colOff>
          <xdr:row>100</xdr:row>
          <xdr:rowOff>47625</xdr:rowOff>
        </xdr:to>
        <xdr:sp macro="" textlink="">
          <xdr:nvSpPr>
            <xdr:cNvPr id="2570" name="Check Box 522" hidden="1">
              <a:extLst>
                <a:ext uri="{63B3BB69-23CF-44E3-9099-C40C66FF867C}">
                  <a14:compatExt spid="_x0000_s25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8</xdr:row>
          <xdr:rowOff>133350</xdr:rowOff>
        </xdr:from>
        <xdr:to>
          <xdr:col>7</xdr:col>
          <xdr:colOff>590550</xdr:colOff>
          <xdr:row>100</xdr:row>
          <xdr:rowOff>57150</xdr:rowOff>
        </xdr:to>
        <xdr:sp macro="" textlink="">
          <xdr:nvSpPr>
            <xdr:cNvPr id="2571" name="Check Box 523" hidden="1">
              <a:extLst>
                <a:ext uri="{63B3BB69-23CF-44E3-9099-C40C66FF867C}">
                  <a14:compatExt spid="_x0000_s25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01</xdr:row>
          <xdr:rowOff>133350</xdr:rowOff>
        </xdr:from>
        <xdr:to>
          <xdr:col>6</xdr:col>
          <xdr:colOff>57150</xdr:colOff>
          <xdr:row>103</xdr:row>
          <xdr:rowOff>47625</xdr:rowOff>
        </xdr:to>
        <xdr:sp macro="" textlink="">
          <xdr:nvSpPr>
            <xdr:cNvPr id="2572" name="Check Box 524" hidden="1">
              <a:extLst>
                <a:ext uri="{63B3BB69-23CF-44E3-9099-C40C66FF867C}">
                  <a14:compatExt spid="_x0000_s25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1</xdr:row>
          <xdr:rowOff>133350</xdr:rowOff>
        </xdr:from>
        <xdr:to>
          <xdr:col>7</xdr:col>
          <xdr:colOff>590550</xdr:colOff>
          <xdr:row>103</xdr:row>
          <xdr:rowOff>57150</xdr:rowOff>
        </xdr:to>
        <xdr:sp macro="" textlink="">
          <xdr:nvSpPr>
            <xdr:cNvPr id="2573" name="Check Box 525" hidden="1">
              <a:extLst>
                <a:ext uri="{63B3BB69-23CF-44E3-9099-C40C66FF867C}">
                  <a14:compatExt spid="_x0000_s25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05</xdr:row>
          <xdr:rowOff>133350</xdr:rowOff>
        </xdr:from>
        <xdr:to>
          <xdr:col>6</xdr:col>
          <xdr:colOff>57150</xdr:colOff>
          <xdr:row>107</xdr:row>
          <xdr:rowOff>47625</xdr:rowOff>
        </xdr:to>
        <xdr:sp macro="" textlink="">
          <xdr:nvSpPr>
            <xdr:cNvPr id="2574" name="Check Box 526" hidden="1">
              <a:extLst>
                <a:ext uri="{63B3BB69-23CF-44E3-9099-C40C66FF867C}">
                  <a14:compatExt spid="_x0000_s25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5</xdr:row>
          <xdr:rowOff>133350</xdr:rowOff>
        </xdr:from>
        <xdr:to>
          <xdr:col>7</xdr:col>
          <xdr:colOff>590550</xdr:colOff>
          <xdr:row>107</xdr:row>
          <xdr:rowOff>57150</xdr:rowOff>
        </xdr:to>
        <xdr:sp macro="" textlink="">
          <xdr:nvSpPr>
            <xdr:cNvPr id="2575" name="Check Box 527" hidden="1">
              <a:extLst>
                <a:ext uri="{63B3BB69-23CF-44E3-9099-C40C66FF867C}">
                  <a14:compatExt spid="_x0000_s25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08</xdr:row>
          <xdr:rowOff>133350</xdr:rowOff>
        </xdr:from>
        <xdr:to>
          <xdr:col>6</xdr:col>
          <xdr:colOff>57150</xdr:colOff>
          <xdr:row>110</xdr:row>
          <xdr:rowOff>47625</xdr:rowOff>
        </xdr:to>
        <xdr:sp macro="" textlink="">
          <xdr:nvSpPr>
            <xdr:cNvPr id="2576" name="Check Box 528" hidden="1">
              <a:extLst>
                <a:ext uri="{63B3BB69-23CF-44E3-9099-C40C66FF867C}">
                  <a14:compatExt spid="_x0000_s25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8</xdr:row>
          <xdr:rowOff>133350</xdr:rowOff>
        </xdr:from>
        <xdr:to>
          <xdr:col>7</xdr:col>
          <xdr:colOff>590550</xdr:colOff>
          <xdr:row>110</xdr:row>
          <xdr:rowOff>57150</xdr:rowOff>
        </xdr:to>
        <xdr:sp macro="" textlink="">
          <xdr:nvSpPr>
            <xdr:cNvPr id="2577" name="Check Box 529" hidden="1">
              <a:extLst>
                <a:ext uri="{63B3BB69-23CF-44E3-9099-C40C66FF867C}">
                  <a14:compatExt spid="_x0000_s25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14</xdr:row>
          <xdr:rowOff>133350</xdr:rowOff>
        </xdr:from>
        <xdr:to>
          <xdr:col>6</xdr:col>
          <xdr:colOff>57150</xdr:colOff>
          <xdr:row>116</xdr:row>
          <xdr:rowOff>47625</xdr:rowOff>
        </xdr:to>
        <xdr:sp macro="" textlink="">
          <xdr:nvSpPr>
            <xdr:cNvPr id="2578" name="Check Box 530" hidden="1">
              <a:extLst>
                <a:ext uri="{63B3BB69-23CF-44E3-9099-C40C66FF867C}">
                  <a14:compatExt spid="_x0000_s25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4</xdr:row>
          <xdr:rowOff>133350</xdr:rowOff>
        </xdr:from>
        <xdr:to>
          <xdr:col>7</xdr:col>
          <xdr:colOff>590550</xdr:colOff>
          <xdr:row>116</xdr:row>
          <xdr:rowOff>57150</xdr:rowOff>
        </xdr:to>
        <xdr:sp macro="" textlink="">
          <xdr:nvSpPr>
            <xdr:cNvPr id="2579" name="Check Box 531" hidden="1">
              <a:extLst>
                <a:ext uri="{63B3BB69-23CF-44E3-9099-C40C66FF867C}">
                  <a14:compatExt spid="_x0000_s25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24</xdr:row>
          <xdr:rowOff>133350</xdr:rowOff>
        </xdr:from>
        <xdr:to>
          <xdr:col>6</xdr:col>
          <xdr:colOff>57150</xdr:colOff>
          <xdr:row>126</xdr:row>
          <xdr:rowOff>47625</xdr:rowOff>
        </xdr:to>
        <xdr:sp macro="" textlink="">
          <xdr:nvSpPr>
            <xdr:cNvPr id="2580" name="Check Box 532" hidden="1">
              <a:extLst>
                <a:ext uri="{63B3BB69-23CF-44E3-9099-C40C66FF867C}">
                  <a14:compatExt spid="_x0000_s25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4</xdr:row>
          <xdr:rowOff>133350</xdr:rowOff>
        </xdr:from>
        <xdr:to>
          <xdr:col>7</xdr:col>
          <xdr:colOff>590550</xdr:colOff>
          <xdr:row>126</xdr:row>
          <xdr:rowOff>57150</xdr:rowOff>
        </xdr:to>
        <xdr:sp macro="" textlink="">
          <xdr:nvSpPr>
            <xdr:cNvPr id="2581" name="Check Box 533" hidden="1">
              <a:extLst>
                <a:ext uri="{63B3BB69-23CF-44E3-9099-C40C66FF867C}">
                  <a14:compatExt spid="_x0000_s25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28</xdr:row>
          <xdr:rowOff>133350</xdr:rowOff>
        </xdr:from>
        <xdr:to>
          <xdr:col>6</xdr:col>
          <xdr:colOff>57150</xdr:colOff>
          <xdr:row>130</xdr:row>
          <xdr:rowOff>47625</xdr:rowOff>
        </xdr:to>
        <xdr:sp macro="" textlink="">
          <xdr:nvSpPr>
            <xdr:cNvPr id="2582" name="Check Box 534" hidden="1">
              <a:extLst>
                <a:ext uri="{63B3BB69-23CF-44E3-9099-C40C66FF867C}">
                  <a14:compatExt spid="_x0000_s25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8</xdr:row>
          <xdr:rowOff>133350</xdr:rowOff>
        </xdr:from>
        <xdr:to>
          <xdr:col>7</xdr:col>
          <xdr:colOff>590550</xdr:colOff>
          <xdr:row>130</xdr:row>
          <xdr:rowOff>57150</xdr:rowOff>
        </xdr:to>
        <xdr:sp macro="" textlink="">
          <xdr:nvSpPr>
            <xdr:cNvPr id="2583" name="Check Box 535" hidden="1">
              <a:extLst>
                <a:ext uri="{63B3BB69-23CF-44E3-9099-C40C66FF867C}">
                  <a14:compatExt spid="_x0000_s25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37</xdr:row>
          <xdr:rowOff>133350</xdr:rowOff>
        </xdr:from>
        <xdr:to>
          <xdr:col>6</xdr:col>
          <xdr:colOff>57150</xdr:colOff>
          <xdr:row>139</xdr:row>
          <xdr:rowOff>47625</xdr:rowOff>
        </xdr:to>
        <xdr:sp macro="" textlink="">
          <xdr:nvSpPr>
            <xdr:cNvPr id="2584" name="Check Box 536" hidden="1">
              <a:extLst>
                <a:ext uri="{63B3BB69-23CF-44E3-9099-C40C66FF867C}">
                  <a14:compatExt spid="_x0000_s25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37</xdr:row>
          <xdr:rowOff>133350</xdr:rowOff>
        </xdr:from>
        <xdr:to>
          <xdr:col>7</xdr:col>
          <xdr:colOff>590550</xdr:colOff>
          <xdr:row>139</xdr:row>
          <xdr:rowOff>57150</xdr:rowOff>
        </xdr:to>
        <xdr:sp macro="" textlink="">
          <xdr:nvSpPr>
            <xdr:cNvPr id="2585" name="Check Box 537" hidden="1">
              <a:extLst>
                <a:ext uri="{63B3BB69-23CF-44E3-9099-C40C66FF867C}">
                  <a14:compatExt spid="_x0000_s25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43</xdr:row>
          <xdr:rowOff>133350</xdr:rowOff>
        </xdr:from>
        <xdr:to>
          <xdr:col>6</xdr:col>
          <xdr:colOff>57150</xdr:colOff>
          <xdr:row>145</xdr:row>
          <xdr:rowOff>57150</xdr:rowOff>
        </xdr:to>
        <xdr:sp macro="" textlink="">
          <xdr:nvSpPr>
            <xdr:cNvPr id="2586" name="Check Box 538" hidden="1">
              <a:extLst>
                <a:ext uri="{63B3BB69-23CF-44E3-9099-C40C66FF867C}">
                  <a14:compatExt spid="_x0000_s25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3</xdr:row>
          <xdr:rowOff>133350</xdr:rowOff>
        </xdr:from>
        <xdr:to>
          <xdr:col>7</xdr:col>
          <xdr:colOff>590550</xdr:colOff>
          <xdr:row>145</xdr:row>
          <xdr:rowOff>57150</xdr:rowOff>
        </xdr:to>
        <xdr:sp macro="" textlink="">
          <xdr:nvSpPr>
            <xdr:cNvPr id="2587" name="Check Box 539" hidden="1">
              <a:extLst>
                <a:ext uri="{63B3BB69-23CF-44E3-9099-C40C66FF867C}">
                  <a14:compatExt spid="_x0000_s25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46</xdr:row>
          <xdr:rowOff>133350</xdr:rowOff>
        </xdr:from>
        <xdr:to>
          <xdr:col>6</xdr:col>
          <xdr:colOff>57150</xdr:colOff>
          <xdr:row>148</xdr:row>
          <xdr:rowOff>57150</xdr:rowOff>
        </xdr:to>
        <xdr:sp macro="" textlink="">
          <xdr:nvSpPr>
            <xdr:cNvPr id="2588" name="Check Box 540" hidden="1">
              <a:extLst>
                <a:ext uri="{63B3BB69-23CF-44E3-9099-C40C66FF867C}">
                  <a14:compatExt spid="_x0000_s25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6</xdr:row>
          <xdr:rowOff>133350</xdr:rowOff>
        </xdr:from>
        <xdr:to>
          <xdr:col>7</xdr:col>
          <xdr:colOff>590550</xdr:colOff>
          <xdr:row>148</xdr:row>
          <xdr:rowOff>57150</xdr:rowOff>
        </xdr:to>
        <xdr:sp macro="" textlink="">
          <xdr:nvSpPr>
            <xdr:cNvPr id="2589" name="Check Box 541" hidden="1">
              <a:extLst>
                <a:ext uri="{63B3BB69-23CF-44E3-9099-C40C66FF867C}">
                  <a14:compatExt spid="_x0000_s25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51</xdr:row>
          <xdr:rowOff>76200</xdr:rowOff>
        </xdr:from>
        <xdr:to>
          <xdr:col>6</xdr:col>
          <xdr:colOff>57150</xdr:colOff>
          <xdr:row>152</xdr:row>
          <xdr:rowOff>171450</xdr:rowOff>
        </xdr:to>
        <xdr:sp macro="" textlink="">
          <xdr:nvSpPr>
            <xdr:cNvPr id="2590" name="Check Box 542" hidden="1">
              <a:extLst>
                <a:ext uri="{63B3BB69-23CF-44E3-9099-C40C66FF867C}">
                  <a14:compatExt spid="_x0000_s25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050</xdr:colOff>
          <xdr:row>151</xdr:row>
          <xdr:rowOff>66675</xdr:rowOff>
        </xdr:from>
        <xdr:to>
          <xdr:col>7</xdr:col>
          <xdr:colOff>571500</xdr:colOff>
          <xdr:row>152</xdr:row>
          <xdr:rowOff>171450</xdr:rowOff>
        </xdr:to>
        <xdr:sp macro="" textlink="">
          <xdr:nvSpPr>
            <xdr:cNvPr id="2591" name="Check Box 543" hidden="1">
              <a:extLst>
                <a:ext uri="{63B3BB69-23CF-44E3-9099-C40C66FF867C}">
                  <a14:compatExt spid="_x0000_s25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53</xdr:row>
          <xdr:rowOff>133350</xdr:rowOff>
        </xdr:from>
        <xdr:to>
          <xdr:col>6</xdr:col>
          <xdr:colOff>57150</xdr:colOff>
          <xdr:row>155</xdr:row>
          <xdr:rowOff>47625</xdr:rowOff>
        </xdr:to>
        <xdr:sp macro="" textlink="">
          <xdr:nvSpPr>
            <xdr:cNvPr id="2592" name="Check Box 544" hidden="1">
              <a:extLst>
                <a:ext uri="{63B3BB69-23CF-44E3-9099-C40C66FF867C}">
                  <a14:compatExt spid="_x0000_s25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3</xdr:row>
          <xdr:rowOff>133350</xdr:rowOff>
        </xdr:from>
        <xdr:to>
          <xdr:col>7</xdr:col>
          <xdr:colOff>590550</xdr:colOff>
          <xdr:row>155</xdr:row>
          <xdr:rowOff>57150</xdr:rowOff>
        </xdr:to>
        <xdr:sp macro="" textlink="">
          <xdr:nvSpPr>
            <xdr:cNvPr id="2593" name="Check Box 545" hidden="1">
              <a:extLst>
                <a:ext uri="{63B3BB69-23CF-44E3-9099-C40C66FF867C}">
                  <a14:compatExt spid="_x0000_s25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56</xdr:row>
          <xdr:rowOff>133350</xdr:rowOff>
        </xdr:from>
        <xdr:to>
          <xdr:col>6</xdr:col>
          <xdr:colOff>57150</xdr:colOff>
          <xdr:row>158</xdr:row>
          <xdr:rowOff>47625</xdr:rowOff>
        </xdr:to>
        <xdr:sp macro="" textlink="">
          <xdr:nvSpPr>
            <xdr:cNvPr id="2594" name="Check Box 546" hidden="1">
              <a:extLst>
                <a:ext uri="{63B3BB69-23CF-44E3-9099-C40C66FF867C}">
                  <a14:compatExt spid="_x0000_s25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6</xdr:row>
          <xdr:rowOff>133350</xdr:rowOff>
        </xdr:from>
        <xdr:to>
          <xdr:col>7</xdr:col>
          <xdr:colOff>590550</xdr:colOff>
          <xdr:row>158</xdr:row>
          <xdr:rowOff>57150</xdr:rowOff>
        </xdr:to>
        <xdr:sp macro="" textlink="">
          <xdr:nvSpPr>
            <xdr:cNvPr id="2595" name="Check Box 547" hidden="1">
              <a:extLst>
                <a:ext uri="{63B3BB69-23CF-44E3-9099-C40C66FF867C}">
                  <a14:compatExt spid="_x0000_s25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61</xdr:row>
          <xdr:rowOff>133350</xdr:rowOff>
        </xdr:from>
        <xdr:to>
          <xdr:col>6</xdr:col>
          <xdr:colOff>57150</xdr:colOff>
          <xdr:row>163</xdr:row>
          <xdr:rowOff>47625</xdr:rowOff>
        </xdr:to>
        <xdr:sp macro="" textlink="">
          <xdr:nvSpPr>
            <xdr:cNvPr id="2596" name="Check Box 548" hidden="1">
              <a:extLst>
                <a:ext uri="{63B3BB69-23CF-44E3-9099-C40C66FF867C}">
                  <a14:compatExt spid="_x0000_s25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1</xdr:row>
          <xdr:rowOff>133350</xdr:rowOff>
        </xdr:from>
        <xdr:to>
          <xdr:col>7</xdr:col>
          <xdr:colOff>590550</xdr:colOff>
          <xdr:row>163</xdr:row>
          <xdr:rowOff>57150</xdr:rowOff>
        </xdr:to>
        <xdr:sp macro="" textlink="">
          <xdr:nvSpPr>
            <xdr:cNvPr id="2597" name="Check Box 549" hidden="1">
              <a:extLst>
                <a:ext uri="{63B3BB69-23CF-44E3-9099-C40C66FF867C}">
                  <a14:compatExt spid="_x0000_s25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64</xdr:row>
          <xdr:rowOff>133350</xdr:rowOff>
        </xdr:from>
        <xdr:to>
          <xdr:col>6</xdr:col>
          <xdr:colOff>57150</xdr:colOff>
          <xdr:row>166</xdr:row>
          <xdr:rowOff>47625</xdr:rowOff>
        </xdr:to>
        <xdr:sp macro="" textlink="">
          <xdr:nvSpPr>
            <xdr:cNvPr id="2598" name="Check Box 550" hidden="1">
              <a:extLst>
                <a:ext uri="{63B3BB69-23CF-44E3-9099-C40C66FF867C}">
                  <a14:compatExt spid="_x0000_s25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4</xdr:row>
          <xdr:rowOff>133350</xdr:rowOff>
        </xdr:from>
        <xdr:to>
          <xdr:col>7</xdr:col>
          <xdr:colOff>590550</xdr:colOff>
          <xdr:row>166</xdr:row>
          <xdr:rowOff>57150</xdr:rowOff>
        </xdr:to>
        <xdr:sp macro="" textlink="">
          <xdr:nvSpPr>
            <xdr:cNvPr id="2599" name="Check Box 551" hidden="1">
              <a:extLst>
                <a:ext uri="{63B3BB69-23CF-44E3-9099-C40C66FF867C}">
                  <a14:compatExt spid="_x0000_s25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67</xdr:row>
          <xdr:rowOff>133350</xdr:rowOff>
        </xdr:from>
        <xdr:to>
          <xdr:col>6</xdr:col>
          <xdr:colOff>57150</xdr:colOff>
          <xdr:row>169</xdr:row>
          <xdr:rowOff>47625</xdr:rowOff>
        </xdr:to>
        <xdr:sp macro="" textlink="">
          <xdr:nvSpPr>
            <xdr:cNvPr id="2600" name="Check Box 552" hidden="1">
              <a:extLst>
                <a:ext uri="{63B3BB69-23CF-44E3-9099-C40C66FF867C}">
                  <a14:compatExt spid="_x0000_s26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7</xdr:row>
          <xdr:rowOff>133350</xdr:rowOff>
        </xdr:from>
        <xdr:to>
          <xdr:col>7</xdr:col>
          <xdr:colOff>590550</xdr:colOff>
          <xdr:row>169</xdr:row>
          <xdr:rowOff>57150</xdr:rowOff>
        </xdr:to>
        <xdr:sp macro="" textlink="">
          <xdr:nvSpPr>
            <xdr:cNvPr id="2601" name="Check Box 553" hidden="1">
              <a:extLst>
                <a:ext uri="{63B3BB69-23CF-44E3-9099-C40C66FF867C}">
                  <a14:compatExt spid="_x0000_s26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70</xdr:row>
          <xdr:rowOff>133350</xdr:rowOff>
        </xdr:from>
        <xdr:to>
          <xdr:col>6</xdr:col>
          <xdr:colOff>57150</xdr:colOff>
          <xdr:row>172</xdr:row>
          <xdr:rowOff>47625</xdr:rowOff>
        </xdr:to>
        <xdr:sp macro="" textlink="">
          <xdr:nvSpPr>
            <xdr:cNvPr id="2602" name="Check Box 554" hidden="1">
              <a:extLst>
                <a:ext uri="{63B3BB69-23CF-44E3-9099-C40C66FF867C}">
                  <a14:compatExt spid="_x0000_s26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0</xdr:row>
          <xdr:rowOff>133350</xdr:rowOff>
        </xdr:from>
        <xdr:to>
          <xdr:col>7</xdr:col>
          <xdr:colOff>590550</xdr:colOff>
          <xdr:row>172</xdr:row>
          <xdr:rowOff>57150</xdr:rowOff>
        </xdr:to>
        <xdr:sp macro="" textlink="">
          <xdr:nvSpPr>
            <xdr:cNvPr id="2603" name="Check Box 555" hidden="1">
              <a:extLst>
                <a:ext uri="{63B3BB69-23CF-44E3-9099-C40C66FF867C}">
                  <a14:compatExt spid="_x0000_s26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73</xdr:row>
          <xdr:rowOff>133350</xdr:rowOff>
        </xdr:from>
        <xdr:to>
          <xdr:col>6</xdr:col>
          <xdr:colOff>57150</xdr:colOff>
          <xdr:row>175</xdr:row>
          <xdr:rowOff>47625</xdr:rowOff>
        </xdr:to>
        <xdr:sp macro="" textlink="">
          <xdr:nvSpPr>
            <xdr:cNvPr id="2604" name="Check Box 556" hidden="1">
              <a:extLst>
                <a:ext uri="{63B3BB69-23CF-44E3-9099-C40C66FF867C}">
                  <a14:compatExt spid="_x0000_s26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3</xdr:row>
          <xdr:rowOff>133350</xdr:rowOff>
        </xdr:from>
        <xdr:to>
          <xdr:col>7</xdr:col>
          <xdr:colOff>590550</xdr:colOff>
          <xdr:row>175</xdr:row>
          <xdr:rowOff>57150</xdr:rowOff>
        </xdr:to>
        <xdr:sp macro="" textlink="">
          <xdr:nvSpPr>
            <xdr:cNvPr id="2605" name="Check Box 557" hidden="1">
              <a:extLst>
                <a:ext uri="{63B3BB69-23CF-44E3-9099-C40C66FF867C}">
                  <a14:compatExt spid="_x0000_s26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76</xdr:row>
          <xdr:rowOff>133350</xdr:rowOff>
        </xdr:from>
        <xdr:to>
          <xdr:col>6</xdr:col>
          <xdr:colOff>57150</xdr:colOff>
          <xdr:row>177</xdr:row>
          <xdr:rowOff>28575</xdr:rowOff>
        </xdr:to>
        <xdr:sp macro="" textlink="">
          <xdr:nvSpPr>
            <xdr:cNvPr id="2606" name="Check Box 558" hidden="1">
              <a:extLst>
                <a:ext uri="{63B3BB69-23CF-44E3-9099-C40C66FF867C}">
                  <a14:compatExt spid="_x0000_s26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6</xdr:row>
          <xdr:rowOff>133350</xdr:rowOff>
        </xdr:from>
        <xdr:to>
          <xdr:col>7</xdr:col>
          <xdr:colOff>590550</xdr:colOff>
          <xdr:row>177</xdr:row>
          <xdr:rowOff>38100</xdr:rowOff>
        </xdr:to>
        <xdr:sp macro="" textlink="">
          <xdr:nvSpPr>
            <xdr:cNvPr id="2607" name="Check Box 559" hidden="1">
              <a:extLst>
                <a:ext uri="{63B3BB69-23CF-44E3-9099-C40C66FF867C}">
                  <a14:compatExt spid="_x0000_s26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80</xdr:row>
          <xdr:rowOff>133350</xdr:rowOff>
        </xdr:from>
        <xdr:to>
          <xdr:col>6</xdr:col>
          <xdr:colOff>57150</xdr:colOff>
          <xdr:row>182</xdr:row>
          <xdr:rowOff>47625</xdr:rowOff>
        </xdr:to>
        <xdr:sp macro="" textlink="">
          <xdr:nvSpPr>
            <xdr:cNvPr id="2608" name="Check Box 560" hidden="1">
              <a:extLst>
                <a:ext uri="{63B3BB69-23CF-44E3-9099-C40C66FF867C}">
                  <a14:compatExt spid="_x0000_s26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80</xdr:row>
          <xdr:rowOff>133350</xdr:rowOff>
        </xdr:from>
        <xdr:to>
          <xdr:col>7</xdr:col>
          <xdr:colOff>590550</xdr:colOff>
          <xdr:row>182</xdr:row>
          <xdr:rowOff>57150</xdr:rowOff>
        </xdr:to>
        <xdr:sp macro="" textlink="">
          <xdr:nvSpPr>
            <xdr:cNvPr id="2609" name="Check Box 561" hidden="1">
              <a:extLst>
                <a:ext uri="{63B3BB69-23CF-44E3-9099-C40C66FF867C}">
                  <a14:compatExt spid="_x0000_s26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12</xdr:row>
          <xdr:rowOff>0</xdr:rowOff>
        </xdr:from>
        <xdr:to>
          <xdr:col>6</xdr:col>
          <xdr:colOff>76200</xdr:colOff>
          <xdr:row>113</xdr:row>
          <xdr:rowOff>95250</xdr:rowOff>
        </xdr:to>
        <xdr:sp macro="" textlink="">
          <xdr:nvSpPr>
            <xdr:cNvPr id="2640" name="Check Box 592" hidden="1">
              <a:extLst>
                <a:ext uri="{63B3BB69-23CF-44E3-9099-C40C66FF867C}">
                  <a14:compatExt spid="_x0000_s26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1</xdr:row>
          <xdr:rowOff>152400</xdr:rowOff>
        </xdr:from>
        <xdr:to>
          <xdr:col>7</xdr:col>
          <xdr:colOff>590550</xdr:colOff>
          <xdr:row>113</xdr:row>
          <xdr:rowOff>76200</xdr:rowOff>
        </xdr:to>
        <xdr:sp macro="" textlink="">
          <xdr:nvSpPr>
            <xdr:cNvPr id="2641" name="Check Box 593" hidden="1">
              <a:extLst>
                <a:ext uri="{63B3BB69-23CF-44E3-9099-C40C66FF867C}">
                  <a14:compatExt spid="_x0000_s26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19</xdr:row>
          <xdr:rowOff>133350</xdr:rowOff>
        </xdr:from>
        <xdr:to>
          <xdr:col>6</xdr:col>
          <xdr:colOff>57150</xdr:colOff>
          <xdr:row>121</xdr:row>
          <xdr:rowOff>47625</xdr:rowOff>
        </xdr:to>
        <xdr:sp macro="" textlink="">
          <xdr:nvSpPr>
            <xdr:cNvPr id="2642" name="Check Box 594" hidden="1">
              <a:extLst>
                <a:ext uri="{63B3BB69-23CF-44E3-9099-C40C66FF867C}">
                  <a14:compatExt spid="_x0000_s26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9</xdr:row>
          <xdr:rowOff>133350</xdr:rowOff>
        </xdr:from>
        <xdr:to>
          <xdr:col>7</xdr:col>
          <xdr:colOff>590550</xdr:colOff>
          <xdr:row>121</xdr:row>
          <xdr:rowOff>57150</xdr:rowOff>
        </xdr:to>
        <xdr:sp macro="" textlink="">
          <xdr:nvSpPr>
            <xdr:cNvPr id="2643" name="Check Box 595" hidden="1">
              <a:extLst>
                <a:ext uri="{63B3BB69-23CF-44E3-9099-C40C66FF867C}">
                  <a14:compatExt spid="_x0000_s26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36</xdr:row>
          <xdr:rowOff>9525</xdr:rowOff>
        </xdr:from>
        <xdr:to>
          <xdr:col>7</xdr:col>
          <xdr:colOff>409575</xdr:colOff>
          <xdr:row>136</xdr:row>
          <xdr:rowOff>285750</xdr:rowOff>
        </xdr:to>
        <xdr:sp macro="" textlink="">
          <xdr:nvSpPr>
            <xdr:cNvPr id="2647" name="Check Box 599" hidden="1">
              <a:extLst>
                <a:ext uri="{63B3BB69-23CF-44E3-9099-C40C66FF867C}">
                  <a14:compatExt spid="_x0000_s26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井戸水等の飲用利用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142</xdr:row>
          <xdr:rowOff>133350</xdr:rowOff>
        </xdr:from>
        <xdr:to>
          <xdr:col>7</xdr:col>
          <xdr:colOff>523875</xdr:colOff>
          <xdr:row>144</xdr:row>
          <xdr:rowOff>47625</xdr:rowOff>
        </xdr:to>
        <xdr:sp macro="" textlink="">
          <xdr:nvSpPr>
            <xdr:cNvPr id="2651" name="Check Box 603" hidden="1">
              <a:extLst>
                <a:ext uri="{63B3BB69-23CF-44E3-9099-C40C66FF867C}">
                  <a14:compatExt spid="_x0000_s26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貯水槽はない(⑤の回答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0</xdr:colOff>
          <xdr:row>149</xdr:row>
          <xdr:rowOff>171450</xdr:rowOff>
        </xdr:from>
        <xdr:to>
          <xdr:col>7</xdr:col>
          <xdr:colOff>590550</xdr:colOff>
          <xdr:row>151</xdr:row>
          <xdr:rowOff>133350</xdr:rowOff>
        </xdr:to>
        <xdr:sp macro="" textlink="">
          <xdr:nvSpPr>
            <xdr:cNvPr id="2653" name="Check Box 605" hidden="1">
              <a:extLst>
                <a:ext uri="{63B3BB69-23CF-44E3-9099-C40C66FF867C}">
                  <a14:compatExt spid="_x0000_s26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循環式浴槽等はない(②③の回答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77</xdr:row>
          <xdr:rowOff>114300</xdr:rowOff>
        </xdr:from>
        <xdr:to>
          <xdr:col>7</xdr:col>
          <xdr:colOff>533400</xdr:colOff>
          <xdr:row>177</xdr:row>
          <xdr:rowOff>390525</xdr:rowOff>
        </xdr:to>
        <xdr:sp macro="" textlink="">
          <xdr:nvSpPr>
            <xdr:cNvPr id="2654" name="Check Box 606" hidden="1">
              <a:extLst>
                <a:ext uri="{63B3BB69-23CF-44E3-9099-C40C66FF867C}">
                  <a14:compatExt spid="_x0000_s26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しない</a:t>
              </a:r>
            </a:p>
          </xdr:txBody>
        </xdr:sp>
        <xdr:clientData/>
      </xdr:twoCellAnchor>
    </mc:Choice>
    <mc:Fallback/>
  </mc:AlternateContent>
  <xdr:twoCellAnchor>
    <xdr:from>
      <xdr:col>5</xdr:col>
      <xdr:colOff>323850</xdr:colOff>
      <xdr:row>184</xdr:row>
      <xdr:rowOff>142875</xdr:rowOff>
    </xdr:from>
    <xdr:to>
      <xdr:col>8</xdr:col>
      <xdr:colOff>600075</xdr:colOff>
      <xdr:row>186</xdr:row>
      <xdr:rowOff>28575</xdr:rowOff>
    </xdr:to>
    <xdr:sp macro="" textlink="">
      <xdr:nvSpPr>
        <xdr:cNvPr id="98" name="フローチャート: 処理 97"/>
        <xdr:cNvSpPr/>
      </xdr:nvSpPr>
      <xdr:spPr>
        <a:xfrm>
          <a:off x="3752850" y="39443025"/>
          <a:ext cx="2276475" cy="247650"/>
        </a:xfrm>
        <a:prstGeom prst="flowChartProcess">
          <a:avLst/>
        </a:prstGeom>
        <a:ln>
          <a:prstDash val="sysDash"/>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en-US" altLang="ja-JP" sz="1100"/>
            <a:t>Ⅱ</a:t>
          </a:r>
          <a:r>
            <a:rPr kumimoji="1" lang="ja-JP" altLang="en-US" sz="1100"/>
            <a:t>と</a:t>
          </a:r>
          <a:r>
            <a:rPr kumimoji="1" lang="en-US" altLang="ja-JP" sz="1100"/>
            <a:t>Ⅲ</a:t>
          </a:r>
          <a:r>
            <a:rPr kumimoji="1" lang="ja-JP" altLang="en-US" sz="1100"/>
            <a:t>は公立保育所は欠番です</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61925</xdr:colOff>
          <xdr:row>30</xdr:row>
          <xdr:rowOff>0</xdr:rowOff>
        </xdr:from>
        <xdr:to>
          <xdr:col>6</xdr:col>
          <xdr:colOff>57150</xdr:colOff>
          <xdr:row>31</xdr:row>
          <xdr:rowOff>95250</xdr:rowOff>
        </xdr:to>
        <xdr:sp macro="" textlink="">
          <xdr:nvSpPr>
            <xdr:cNvPr id="4097" name="Check Box 1" hidden="1">
              <a:extLst>
                <a:ext uri="{63B3BB69-23CF-44E3-9099-C40C66FF867C}">
                  <a14:compatExt spid="_x0000_s4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9</xdr:row>
          <xdr:rowOff>171450</xdr:rowOff>
        </xdr:from>
        <xdr:to>
          <xdr:col>7</xdr:col>
          <xdr:colOff>381000</xdr:colOff>
          <xdr:row>31</xdr:row>
          <xdr:rowOff>104775</xdr:rowOff>
        </xdr:to>
        <xdr:sp macro="" textlink="">
          <xdr:nvSpPr>
            <xdr:cNvPr id="4098" name="Check Box 2" hidden="1">
              <a:extLst>
                <a:ext uri="{63B3BB69-23CF-44E3-9099-C40C66FF867C}">
                  <a14:compatExt spid="_x0000_s4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7</xdr:row>
          <xdr:rowOff>0</xdr:rowOff>
        </xdr:from>
        <xdr:to>
          <xdr:col>6</xdr:col>
          <xdr:colOff>57150</xdr:colOff>
          <xdr:row>38</xdr:row>
          <xdr:rowOff>95250</xdr:rowOff>
        </xdr:to>
        <xdr:sp macro="" textlink="">
          <xdr:nvSpPr>
            <xdr:cNvPr id="4099" name="Check Box 3" hidden="1">
              <a:extLst>
                <a:ext uri="{63B3BB69-23CF-44E3-9099-C40C66FF867C}">
                  <a14:compatExt spid="_x0000_s4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3</xdr:row>
          <xdr:rowOff>171450</xdr:rowOff>
        </xdr:from>
        <xdr:to>
          <xdr:col>7</xdr:col>
          <xdr:colOff>381000</xdr:colOff>
          <xdr:row>35</xdr:row>
          <xdr:rowOff>104775</xdr:rowOff>
        </xdr:to>
        <xdr:sp macro="" textlink="">
          <xdr:nvSpPr>
            <xdr:cNvPr id="4100" name="Check Box 4" hidden="1">
              <a:extLst>
                <a:ext uri="{63B3BB69-23CF-44E3-9099-C40C66FF867C}">
                  <a14:compatExt spid="_x0000_s4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40</xdr:row>
          <xdr:rowOff>0</xdr:rowOff>
        </xdr:from>
        <xdr:to>
          <xdr:col>6</xdr:col>
          <xdr:colOff>57150</xdr:colOff>
          <xdr:row>41</xdr:row>
          <xdr:rowOff>95250</xdr:rowOff>
        </xdr:to>
        <xdr:sp macro="" textlink="">
          <xdr:nvSpPr>
            <xdr:cNvPr id="4101" name="Check Box 5" hidden="1">
              <a:extLst>
                <a:ext uri="{63B3BB69-23CF-44E3-9099-C40C66FF867C}">
                  <a14:compatExt spid="_x0000_s4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9</xdr:row>
          <xdr:rowOff>171450</xdr:rowOff>
        </xdr:from>
        <xdr:to>
          <xdr:col>7</xdr:col>
          <xdr:colOff>381000</xdr:colOff>
          <xdr:row>41</xdr:row>
          <xdr:rowOff>104775</xdr:rowOff>
        </xdr:to>
        <xdr:sp macro="" textlink="">
          <xdr:nvSpPr>
            <xdr:cNvPr id="4102" name="Check Box 6" hidden="1">
              <a:extLst>
                <a:ext uri="{63B3BB69-23CF-44E3-9099-C40C66FF867C}">
                  <a14:compatExt spid="_x0000_s4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44</xdr:row>
          <xdr:rowOff>0</xdr:rowOff>
        </xdr:from>
        <xdr:to>
          <xdr:col>6</xdr:col>
          <xdr:colOff>57150</xdr:colOff>
          <xdr:row>45</xdr:row>
          <xdr:rowOff>95250</xdr:rowOff>
        </xdr:to>
        <xdr:sp macro="" textlink="">
          <xdr:nvSpPr>
            <xdr:cNvPr id="4103" name="Check Box 7" hidden="1">
              <a:extLst>
                <a:ext uri="{63B3BB69-23CF-44E3-9099-C40C66FF867C}">
                  <a14:compatExt spid="_x0000_s4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43</xdr:row>
          <xdr:rowOff>171450</xdr:rowOff>
        </xdr:from>
        <xdr:to>
          <xdr:col>7</xdr:col>
          <xdr:colOff>381000</xdr:colOff>
          <xdr:row>45</xdr:row>
          <xdr:rowOff>104775</xdr:rowOff>
        </xdr:to>
        <xdr:sp macro="" textlink="">
          <xdr:nvSpPr>
            <xdr:cNvPr id="4104" name="Check Box 8" hidden="1">
              <a:extLst>
                <a:ext uri="{63B3BB69-23CF-44E3-9099-C40C66FF867C}">
                  <a14:compatExt spid="_x0000_s4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01</xdr:row>
          <xdr:rowOff>0</xdr:rowOff>
        </xdr:from>
        <xdr:to>
          <xdr:col>6</xdr:col>
          <xdr:colOff>66675</xdr:colOff>
          <xdr:row>102</xdr:row>
          <xdr:rowOff>95250</xdr:rowOff>
        </xdr:to>
        <xdr:sp macro="" textlink="">
          <xdr:nvSpPr>
            <xdr:cNvPr id="4109" name="Check Box 13" hidden="1">
              <a:extLst>
                <a:ext uri="{63B3BB69-23CF-44E3-9099-C40C66FF867C}">
                  <a14:compatExt spid="_x0000_s4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00</xdr:row>
          <xdr:rowOff>171450</xdr:rowOff>
        </xdr:from>
        <xdr:to>
          <xdr:col>7</xdr:col>
          <xdr:colOff>381000</xdr:colOff>
          <xdr:row>102</xdr:row>
          <xdr:rowOff>95250</xdr:rowOff>
        </xdr:to>
        <xdr:sp macro="" textlink="">
          <xdr:nvSpPr>
            <xdr:cNvPr id="4110" name="Check Box 14" hidden="1">
              <a:extLst>
                <a:ext uri="{63B3BB69-23CF-44E3-9099-C40C66FF867C}">
                  <a14:compatExt spid="_x0000_s4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06</xdr:row>
          <xdr:rowOff>0</xdr:rowOff>
        </xdr:from>
        <xdr:to>
          <xdr:col>6</xdr:col>
          <xdr:colOff>66675</xdr:colOff>
          <xdr:row>107</xdr:row>
          <xdr:rowOff>95250</xdr:rowOff>
        </xdr:to>
        <xdr:sp macro="" textlink="">
          <xdr:nvSpPr>
            <xdr:cNvPr id="4113" name="Check Box 17" hidden="1">
              <a:extLst>
                <a:ext uri="{63B3BB69-23CF-44E3-9099-C40C66FF867C}">
                  <a14:compatExt spid="_x0000_s4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05</xdr:row>
          <xdr:rowOff>152400</xdr:rowOff>
        </xdr:from>
        <xdr:to>
          <xdr:col>7</xdr:col>
          <xdr:colOff>381000</xdr:colOff>
          <xdr:row>107</xdr:row>
          <xdr:rowOff>95250</xdr:rowOff>
        </xdr:to>
        <xdr:sp macro="" textlink="">
          <xdr:nvSpPr>
            <xdr:cNvPr id="4114" name="Check Box 18" hidden="1">
              <a:extLst>
                <a:ext uri="{63B3BB69-23CF-44E3-9099-C40C66FF867C}">
                  <a14:compatExt spid="_x0000_s4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14</xdr:row>
          <xdr:rowOff>9525</xdr:rowOff>
        </xdr:from>
        <xdr:to>
          <xdr:col>6</xdr:col>
          <xdr:colOff>57150</xdr:colOff>
          <xdr:row>115</xdr:row>
          <xdr:rowOff>95250</xdr:rowOff>
        </xdr:to>
        <xdr:sp macro="" textlink="">
          <xdr:nvSpPr>
            <xdr:cNvPr id="4115" name="Check Box 19" hidden="1">
              <a:extLst>
                <a:ext uri="{63B3BB69-23CF-44E3-9099-C40C66FF867C}">
                  <a14:compatExt spid="_x0000_s4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2450</xdr:colOff>
          <xdr:row>113</xdr:row>
          <xdr:rowOff>171450</xdr:rowOff>
        </xdr:from>
        <xdr:to>
          <xdr:col>7</xdr:col>
          <xdr:colOff>400050</xdr:colOff>
          <xdr:row>115</xdr:row>
          <xdr:rowOff>95250</xdr:rowOff>
        </xdr:to>
        <xdr:sp macro="" textlink="">
          <xdr:nvSpPr>
            <xdr:cNvPr id="4116" name="Check Box 20" hidden="1">
              <a:extLst>
                <a:ext uri="{63B3BB69-23CF-44E3-9099-C40C66FF867C}">
                  <a14:compatExt spid="_x0000_s4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19</xdr:row>
          <xdr:rowOff>0</xdr:rowOff>
        </xdr:from>
        <xdr:to>
          <xdr:col>6</xdr:col>
          <xdr:colOff>57150</xdr:colOff>
          <xdr:row>120</xdr:row>
          <xdr:rowOff>95250</xdr:rowOff>
        </xdr:to>
        <xdr:sp macro="" textlink="">
          <xdr:nvSpPr>
            <xdr:cNvPr id="4117" name="Check Box 21" hidden="1">
              <a:extLst>
                <a:ext uri="{63B3BB69-23CF-44E3-9099-C40C66FF867C}">
                  <a14:compatExt spid="_x0000_s4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19</xdr:row>
          <xdr:rowOff>0</xdr:rowOff>
        </xdr:from>
        <xdr:to>
          <xdr:col>7</xdr:col>
          <xdr:colOff>390525</xdr:colOff>
          <xdr:row>120</xdr:row>
          <xdr:rowOff>114300</xdr:rowOff>
        </xdr:to>
        <xdr:sp macro="" textlink="">
          <xdr:nvSpPr>
            <xdr:cNvPr id="4118" name="Check Box 22" hidden="1">
              <a:extLst>
                <a:ext uri="{63B3BB69-23CF-44E3-9099-C40C66FF867C}">
                  <a14:compatExt spid="_x0000_s4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145</xdr:row>
          <xdr:rowOff>0</xdr:rowOff>
        </xdr:from>
        <xdr:to>
          <xdr:col>6</xdr:col>
          <xdr:colOff>66675</xdr:colOff>
          <xdr:row>146</xdr:row>
          <xdr:rowOff>95250</xdr:rowOff>
        </xdr:to>
        <xdr:sp macro="" textlink="">
          <xdr:nvSpPr>
            <xdr:cNvPr id="4123" name="Check Box 27" hidden="1">
              <a:extLst>
                <a:ext uri="{63B3BB69-23CF-44E3-9099-C40C66FF867C}">
                  <a14:compatExt spid="_x0000_s4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45</xdr:row>
          <xdr:rowOff>0</xdr:rowOff>
        </xdr:from>
        <xdr:to>
          <xdr:col>7</xdr:col>
          <xdr:colOff>381000</xdr:colOff>
          <xdr:row>146</xdr:row>
          <xdr:rowOff>114300</xdr:rowOff>
        </xdr:to>
        <xdr:sp macro="" textlink="">
          <xdr:nvSpPr>
            <xdr:cNvPr id="4124" name="Check Box 28" hidden="1">
              <a:extLst>
                <a:ext uri="{63B3BB69-23CF-44E3-9099-C40C66FF867C}">
                  <a14:compatExt spid="_x0000_s4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58</xdr:row>
          <xdr:rowOff>0</xdr:rowOff>
        </xdr:from>
        <xdr:to>
          <xdr:col>6</xdr:col>
          <xdr:colOff>66675</xdr:colOff>
          <xdr:row>159</xdr:row>
          <xdr:rowOff>95250</xdr:rowOff>
        </xdr:to>
        <xdr:sp macro="" textlink="">
          <xdr:nvSpPr>
            <xdr:cNvPr id="4125" name="Check Box 29" hidden="1">
              <a:extLst>
                <a:ext uri="{63B3BB69-23CF-44E3-9099-C40C66FF867C}">
                  <a14:compatExt spid="_x0000_s4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57</xdr:row>
          <xdr:rowOff>171450</xdr:rowOff>
        </xdr:from>
        <xdr:to>
          <xdr:col>7</xdr:col>
          <xdr:colOff>381000</xdr:colOff>
          <xdr:row>159</xdr:row>
          <xdr:rowOff>114300</xdr:rowOff>
        </xdr:to>
        <xdr:sp macro="" textlink="">
          <xdr:nvSpPr>
            <xdr:cNvPr id="4126" name="Check Box 30" hidden="1">
              <a:extLst>
                <a:ext uri="{63B3BB69-23CF-44E3-9099-C40C66FF867C}">
                  <a14:compatExt spid="_x0000_s4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63</xdr:row>
          <xdr:rowOff>0</xdr:rowOff>
        </xdr:from>
        <xdr:to>
          <xdr:col>6</xdr:col>
          <xdr:colOff>66675</xdr:colOff>
          <xdr:row>164</xdr:row>
          <xdr:rowOff>95250</xdr:rowOff>
        </xdr:to>
        <xdr:sp macro="" textlink="">
          <xdr:nvSpPr>
            <xdr:cNvPr id="4127" name="Check Box 31" hidden="1">
              <a:extLst>
                <a:ext uri="{63B3BB69-23CF-44E3-9099-C40C66FF867C}">
                  <a14:compatExt spid="_x0000_s4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62</xdr:row>
          <xdr:rowOff>171450</xdr:rowOff>
        </xdr:from>
        <xdr:to>
          <xdr:col>7</xdr:col>
          <xdr:colOff>381000</xdr:colOff>
          <xdr:row>164</xdr:row>
          <xdr:rowOff>95250</xdr:rowOff>
        </xdr:to>
        <xdr:sp macro="" textlink="">
          <xdr:nvSpPr>
            <xdr:cNvPr id="4128" name="Check Box 32" hidden="1">
              <a:extLst>
                <a:ext uri="{63B3BB69-23CF-44E3-9099-C40C66FF867C}">
                  <a14:compatExt spid="_x0000_s4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66</xdr:row>
          <xdr:rowOff>0</xdr:rowOff>
        </xdr:from>
        <xdr:to>
          <xdr:col>6</xdr:col>
          <xdr:colOff>66675</xdr:colOff>
          <xdr:row>167</xdr:row>
          <xdr:rowOff>95250</xdr:rowOff>
        </xdr:to>
        <xdr:sp macro="" textlink="">
          <xdr:nvSpPr>
            <xdr:cNvPr id="4129" name="Check Box 33" hidden="1">
              <a:extLst>
                <a:ext uri="{63B3BB69-23CF-44E3-9099-C40C66FF867C}">
                  <a14:compatExt spid="_x0000_s4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65</xdr:row>
          <xdr:rowOff>171450</xdr:rowOff>
        </xdr:from>
        <xdr:to>
          <xdr:col>7</xdr:col>
          <xdr:colOff>381000</xdr:colOff>
          <xdr:row>167</xdr:row>
          <xdr:rowOff>95250</xdr:rowOff>
        </xdr:to>
        <xdr:sp macro="" textlink="">
          <xdr:nvSpPr>
            <xdr:cNvPr id="4130" name="Check Box 34" hidden="1">
              <a:extLst>
                <a:ext uri="{63B3BB69-23CF-44E3-9099-C40C66FF867C}">
                  <a14:compatExt spid="_x0000_s4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69</xdr:row>
          <xdr:rowOff>0</xdr:rowOff>
        </xdr:from>
        <xdr:to>
          <xdr:col>6</xdr:col>
          <xdr:colOff>66675</xdr:colOff>
          <xdr:row>170</xdr:row>
          <xdr:rowOff>95250</xdr:rowOff>
        </xdr:to>
        <xdr:sp macro="" textlink="">
          <xdr:nvSpPr>
            <xdr:cNvPr id="4131" name="Check Box 35" hidden="1">
              <a:extLst>
                <a:ext uri="{63B3BB69-23CF-44E3-9099-C40C66FF867C}">
                  <a14:compatExt spid="_x0000_s4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68</xdr:row>
          <xdr:rowOff>171450</xdr:rowOff>
        </xdr:from>
        <xdr:to>
          <xdr:col>7</xdr:col>
          <xdr:colOff>381000</xdr:colOff>
          <xdr:row>170</xdr:row>
          <xdr:rowOff>95250</xdr:rowOff>
        </xdr:to>
        <xdr:sp macro="" textlink="">
          <xdr:nvSpPr>
            <xdr:cNvPr id="4132" name="Check Box 36" hidden="1">
              <a:extLst>
                <a:ext uri="{63B3BB69-23CF-44E3-9099-C40C66FF867C}">
                  <a14:compatExt spid="_x0000_s4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76</xdr:row>
          <xdr:rowOff>0</xdr:rowOff>
        </xdr:from>
        <xdr:to>
          <xdr:col>6</xdr:col>
          <xdr:colOff>57150</xdr:colOff>
          <xdr:row>177</xdr:row>
          <xdr:rowOff>95250</xdr:rowOff>
        </xdr:to>
        <xdr:sp macro="" textlink="">
          <xdr:nvSpPr>
            <xdr:cNvPr id="4133" name="Check Box 37" hidden="1">
              <a:extLst>
                <a:ext uri="{63B3BB69-23CF-44E3-9099-C40C66FF867C}">
                  <a14:compatExt spid="_x0000_s4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75</xdr:row>
          <xdr:rowOff>171450</xdr:rowOff>
        </xdr:from>
        <xdr:to>
          <xdr:col>7</xdr:col>
          <xdr:colOff>381000</xdr:colOff>
          <xdr:row>177</xdr:row>
          <xdr:rowOff>95250</xdr:rowOff>
        </xdr:to>
        <xdr:sp macro="" textlink="">
          <xdr:nvSpPr>
            <xdr:cNvPr id="4134" name="Check Box 38" hidden="1">
              <a:extLst>
                <a:ext uri="{63B3BB69-23CF-44E3-9099-C40C66FF867C}">
                  <a14:compatExt spid="_x0000_s4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91</xdr:row>
          <xdr:rowOff>0</xdr:rowOff>
        </xdr:from>
        <xdr:to>
          <xdr:col>6</xdr:col>
          <xdr:colOff>57150</xdr:colOff>
          <xdr:row>192</xdr:row>
          <xdr:rowOff>95250</xdr:rowOff>
        </xdr:to>
        <xdr:sp macro="" textlink="">
          <xdr:nvSpPr>
            <xdr:cNvPr id="4137" name="Check Box 41" hidden="1">
              <a:extLst>
                <a:ext uri="{63B3BB69-23CF-44E3-9099-C40C66FF867C}">
                  <a14:compatExt spid="_x0000_s4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90</xdr:row>
          <xdr:rowOff>171450</xdr:rowOff>
        </xdr:from>
        <xdr:to>
          <xdr:col>7</xdr:col>
          <xdr:colOff>381000</xdr:colOff>
          <xdr:row>192</xdr:row>
          <xdr:rowOff>104775</xdr:rowOff>
        </xdr:to>
        <xdr:sp macro="" textlink="">
          <xdr:nvSpPr>
            <xdr:cNvPr id="4138" name="Check Box 42" hidden="1">
              <a:extLst>
                <a:ext uri="{63B3BB69-23CF-44E3-9099-C40C66FF867C}">
                  <a14:compatExt spid="_x0000_s4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87</xdr:row>
          <xdr:rowOff>0</xdr:rowOff>
        </xdr:from>
        <xdr:to>
          <xdr:col>6</xdr:col>
          <xdr:colOff>57150</xdr:colOff>
          <xdr:row>188</xdr:row>
          <xdr:rowOff>95250</xdr:rowOff>
        </xdr:to>
        <xdr:sp macro="" textlink="">
          <xdr:nvSpPr>
            <xdr:cNvPr id="4139" name="Check Box 43" hidden="1">
              <a:extLst>
                <a:ext uri="{63B3BB69-23CF-44E3-9099-C40C66FF867C}">
                  <a14:compatExt spid="_x0000_s4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86</xdr:row>
          <xdr:rowOff>171450</xdr:rowOff>
        </xdr:from>
        <xdr:to>
          <xdr:col>7</xdr:col>
          <xdr:colOff>381000</xdr:colOff>
          <xdr:row>188</xdr:row>
          <xdr:rowOff>104775</xdr:rowOff>
        </xdr:to>
        <xdr:sp macro="" textlink="">
          <xdr:nvSpPr>
            <xdr:cNvPr id="4140" name="Check Box 44" hidden="1">
              <a:extLst>
                <a:ext uri="{63B3BB69-23CF-44E3-9099-C40C66FF867C}">
                  <a14:compatExt spid="_x0000_s4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94</xdr:row>
          <xdr:rowOff>0</xdr:rowOff>
        </xdr:from>
        <xdr:to>
          <xdr:col>6</xdr:col>
          <xdr:colOff>57150</xdr:colOff>
          <xdr:row>195</xdr:row>
          <xdr:rowOff>95250</xdr:rowOff>
        </xdr:to>
        <xdr:sp macro="" textlink="">
          <xdr:nvSpPr>
            <xdr:cNvPr id="4141" name="Check Box 45" hidden="1">
              <a:extLst>
                <a:ext uri="{63B3BB69-23CF-44E3-9099-C40C66FF867C}">
                  <a14:compatExt spid="_x0000_s4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93</xdr:row>
          <xdr:rowOff>171450</xdr:rowOff>
        </xdr:from>
        <xdr:to>
          <xdr:col>7</xdr:col>
          <xdr:colOff>381000</xdr:colOff>
          <xdr:row>195</xdr:row>
          <xdr:rowOff>104775</xdr:rowOff>
        </xdr:to>
        <xdr:sp macro="" textlink="">
          <xdr:nvSpPr>
            <xdr:cNvPr id="4142" name="Check Box 46" hidden="1">
              <a:extLst>
                <a:ext uri="{63B3BB69-23CF-44E3-9099-C40C66FF867C}">
                  <a14:compatExt spid="_x0000_s4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97</xdr:row>
          <xdr:rowOff>0</xdr:rowOff>
        </xdr:from>
        <xdr:to>
          <xdr:col>6</xdr:col>
          <xdr:colOff>57150</xdr:colOff>
          <xdr:row>198</xdr:row>
          <xdr:rowOff>95250</xdr:rowOff>
        </xdr:to>
        <xdr:sp macro="" textlink="">
          <xdr:nvSpPr>
            <xdr:cNvPr id="4143" name="Check Box 47" hidden="1">
              <a:extLst>
                <a:ext uri="{63B3BB69-23CF-44E3-9099-C40C66FF867C}">
                  <a14:compatExt spid="_x0000_s4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96</xdr:row>
          <xdr:rowOff>171450</xdr:rowOff>
        </xdr:from>
        <xdr:to>
          <xdr:col>7</xdr:col>
          <xdr:colOff>381000</xdr:colOff>
          <xdr:row>198</xdr:row>
          <xdr:rowOff>104775</xdr:rowOff>
        </xdr:to>
        <xdr:sp macro="" textlink="">
          <xdr:nvSpPr>
            <xdr:cNvPr id="4144" name="Check Box 48" hidden="1">
              <a:extLst>
                <a:ext uri="{63B3BB69-23CF-44E3-9099-C40C66FF867C}">
                  <a14:compatExt spid="_x0000_s4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21</xdr:row>
          <xdr:rowOff>0</xdr:rowOff>
        </xdr:from>
        <xdr:to>
          <xdr:col>6</xdr:col>
          <xdr:colOff>57150</xdr:colOff>
          <xdr:row>222</xdr:row>
          <xdr:rowOff>95250</xdr:rowOff>
        </xdr:to>
        <xdr:sp macro="" textlink="">
          <xdr:nvSpPr>
            <xdr:cNvPr id="4147" name="Check Box 51" hidden="1">
              <a:extLst>
                <a:ext uri="{63B3BB69-23CF-44E3-9099-C40C66FF867C}">
                  <a14:compatExt spid="_x0000_s4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20</xdr:row>
          <xdr:rowOff>171450</xdr:rowOff>
        </xdr:from>
        <xdr:to>
          <xdr:col>7</xdr:col>
          <xdr:colOff>381000</xdr:colOff>
          <xdr:row>222</xdr:row>
          <xdr:rowOff>95250</xdr:rowOff>
        </xdr:to>
        <xdr:sp macro="" textlink="">
          <xdr:nvSpPr>
            <xdr:cNvPr id="4148" name="Check Box 52" hidden="1">
              <a:extLst>
                <a:ext uri="{63B3BB69-23CF-44E3-9099-C40C66FF867C}">
                  <a14:compatExt spid="_x0000_s4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26</xdr:row>
          <xdr:rowOff>133350</xdr:rowOff>
        </xdr:from>
        <xdr:to>
          <xdr:col>6</xdr:col>
          <xdr:colOff>57150</xdr:colOff>
          <xdr:row>228</xdr:row>
          <xdr:rowOff>57150</xdr:rowOff>
        </xdr:to>
        <xdr:sp macro="" textlink="">
          <xdr:nvSpPr>
            <xdr:cNvPr id="4149" name="Check Box 53" hidden="1">
              <a:extLst>
                <a:ext uri="{63B3BB69-23CF-44E3-9099-C40C66FF867C}">
                  <a14:compatExt spid="_x0000_s4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4350</xdr:colOff>
          <xdr:row>226</xdr:row>
          <xdr:rowOff>133350</xdr:rowOff>
        </xdr:from>
        <xdr:to>
          <xdr:col>7</xdr:col>
          <xdr:colOff>361950</xdr:colOff>
          <xdr:row>228</xdr:row>
          <xdr:rowOff>57150</xdr:rowOff>
        </xdr:to>
        <xdr:sp macro="" textlink="">
          <xdr:nvSpPr>
            <xdr:cNvPr id="4150" name="Check Box 54" hidden="1">
              <a:extLst>
                <a:ext uri="{63B3BB69-23CF-44E3-9099-C40C66FF867C}">
                  <a14:compatExt spid="_x0000_s4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72</xdr:row>
          <xdr:rowOff>0</xdr:rowOff>
        </xdr:from>
        <xdr:to>
          <xdr:col>6</xdr:col>
          <xdr:colOff>57150</xdr:colOff>
          <xdr:row>273</xdr:row>
          <xdr:rowOff>95250</xdr:rowOff>
        </xdr:to>
        <xdr:sp macro="" textlink="">
          <xdr:nvSpPr>
            <xdr:cNvPr id="4151" name="Check Box 55" hidden="1">
              <a:extLst>
                <a:ext uri="{63B3BB69-23CF-44E3-9099-C40C66FF867C}">
                  <a14:compatExt spid="_x0000_s4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71</xdr:row>
          <xdr:rowOff>171450</xdr:rowOff>
        </xdr:from>
        <xdr:to>
          <xdr:col>7</xdr:col>
          <xdr:colOff>381000</xdr:colOff>
          <xdr:row>273</xdr:row>
          <xdr:rowOff>104775</xdr:rowOff>
        </xdr:to>
        <xdr:sp macro="" textlink="">
          <xdr:nvSpPr>
            <xdr:cNvPr id="4152" name="Check Box 56" hidden="1">
              <a:extLst>
                <a:ext uri="{63B3BB69-23CF-44E3-9099-C40C66FF867C}">
                  <a14:compatExt spid="_x0000_s4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276</xdr:row>
          <xdr:rowOff>152400</xdr:rowOff>
        </xdr:from>
        <xdr:to>
          <xdr:col>6</xdr:col>
          <xdr:colOff>66675</xdr:colOff>
          <xdr:row>278</xdr:row>
          <xdr:rowOff>76200</xdr:rowOff>
        </xdr:to>
        <xdr:sp macro="" textlink="">
          <xdr:nvSpPr>
            <xdr:cNvPr id="4153" name="Check Box 57" hidden="1">
              <a:extLst>
                <a:ext uri="{63B3BB69-23CF-44E3-9099-C40C66FF867C}">
                  <a14:compatExt spid="_x0000_s4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2450</xdr:colOff>
          <xdr:row>276</xdr:row>
          <xdr:rowOff>133350</xdr:rowOff>
        </xdr:from>
        <xdr:to>
          <xdr:col>7</xdr:col>
          <xdr:colOff>400050</xdr:colOff>
          <xdr:row>278</xdr:row>
          <xdr:rowOff>76200</xdr:rowOff>
        </xdr:to>
        <xdr:sp macro="" textlink="">
          <xdr:nvSpPr>
            <xdr:cNvPr id="4154" name="Check Box 58" hidden="1">
              <a:extLst>
                <a:ext uri="{63B3BB69-23CF-44E3-9099-C40C66FF867C}">
                  <a14:compatExt spid="_x0000_s4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4</xdr:row>
          <xdr:rowOff>0</xdr:rowOff>
        </xdr:from>
        <xdr:to>
          <xdr:col>6</xdr:col>
          <xdr:colOff>57150</xdr:colOff>
          <xdr:row>35</xdr:row>
          <xdr:rowOff>95250</xdr:rowOff>
        </xdr:to>
        <xdr:sp macro="" textlink="">
          <xdr:nvSpPr>
            <xdr:cNvPr id="4155" name="Check Box 59" hidden="1">
              <a:extLst>
                <a:ext uri="{63B3BB69-23CF-44E3-9099-C40C66FF867C}">
                  <a14:compatExt spid="_x0000_s4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3</xdr:row>
          <xdr:rowOff>171450</xdr:rowOff>
        </xdr:from>
        <xdr:to>
          <xdr:col>7</xdr:col>
          <xdr:colOff>381000</xdr:colOff>
          <xdr:row>35</xdr:row>
          <xdr:rowOff>104775</xdr:rowOff>
        </xdr:to>
        <xdr:sp macro="" textlink="">
          <xdr:nvSpPr>
            <xdr:cNvPr id="4156" name="Check Box 60" hidden="1">
              <a:extLst>
                <a:ext uri="{63B3BB69-23CF-44E3-9099-C40C66FF867C}">
                  <a14:compatExt spid="_x0000_s4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6</xdr:row>
          <xdr:rowOff>171450</xdr:rowOff>
        </xdr:from>
        <xdr:to>
          <xdr:col>7</xdr:col>
          <xdr:colOff>381000</xdr:colOff>
          <xdr:row>38</xdr:row>
          <xdr:rowOff>104775</xdr:rowOff>
        </xdr:to>
        <xdr:sp macro="" textlink="">
          <xdr:nvSpPr>
            <xdr:cNvPr id="4157" name="Check Box 61" hidden="1">
              <a:extLst>
                <a:ext uri="{63B3BB69-23CF-44E3-9099-C40C66FF867C}">
                  <a14:compatExt spid="_x0000_s4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7</xdr:row>
          <xdr:rowOff>0</xdr:rowOff>
        </xdr:from>
        <xdr:to>
          <xdr:col>6</xdr:col>
          <xdr:colOff>57150</xdr:colOff>
          <xdr:row>38</xdr:row>
          <xdr:rowOff>95250</xdr:rowOff>
        </xdr:to>
        <xdr:sp macro="" textlink="">
          <xdr:nvSpPr>
            <xdr:cNvPr id="4158" name="Check Box 62" hidden="1">
              <a:extLst>
                <a:ext uri="{63B3BB69-23CF-44E3-9099-C40C66FF867C}">
                  <a14:compatExt spid="_x0000_s4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6</xdr:row>
          <xdr:rowOff>171450</xdr:rowOff>
        </xdr:from>
        <xdr:to>
          <xdr:col>7</xdr:col>
          <xdr:colOff>381000</xdr:colOff>
          <xdr:row>38</xdr:row>
          <xdr:rowOff>104775</xdr:rowOff>
        </xdr:to>
        <xdr:sp macro="" textlink="">
          <xdr:nvSpPr>
            <xdr:cNvPr id="4159" name="Check Box 63" hidden="1">
              <a:extLst>
                <a:ext uri="{63B3BB69-23CF-44E3-9099-C40C66FF867C}">
                  <a14:compatExt spid="_x0000_s4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62</xdr:row>
          <xdr:rowOff>0</xdr:rowOff>
        </xdr:from>
        <xdr:to>
          <xdr:col>6</xdr:col>
          <xdr:colOff>57150</xdr:colOff>
          <xdr:row>63</xdr:row>
          <xdr:rowOff>95250</xdr:rowOff>
        </xdr:to>
        <xdr:sp macro="" textlink="">
          <xdr:nvSpPr>
            <xdr:cNvPr id="4160" name="Check Box 64" hidden="1">
              <a:extLst>
                <a:ext uri="{63B3BB69-23CF-44E3-9099-C40C66FF867C}">
                  <a14:compatExt spid="_x0000_s4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61</xdr:row>
          <xdr:rowOff>171450</xdr:rowOff>
        </xdr:from>
        <xdr:to>
          <xdr:col>7</xdr:col>
          <xdr:colOff>381000</xdr:colOff>
          <xdr:row>63</xdr:row>
          <xdr:rowOff>95250</xdr:rowOff>
        </xdr:to>
        <xdr:sp macro="" textlink="">
          <xdr:nvSpPr>
            <xdr:cNvPr id="4161" name="Check Box 65" hidden="1">
              <a:extLst>
                <a:ext uri="{63B3BB69-23CF-44E3-9099-C40C66FF867C}">
                  <a14:compatExt spid="_x0000_s4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65</xdr:row>
          <xdr:rowOff>0</xdr:rowOff>
        </xdr:from>
        <xdr:to>
          <xdr:col>6</xdr:col>
          <xdr:colOff>57150</xdr:colOff>
          <xdr:row>66</xdr:row>
          <xdr:rowOff>95250</xdr:rowOff>
        </xdr:to>
        <xdr:sp macro="" textlink="">
          <xdr:nvSpPr>
            <xdr:cNvPr id="4162" name="Check Box 66" hidden="1">
              <a:extLst>
                <a:ext uri="{63B3BB69-23CF-44E3-9099-C40C66FF867C}">
                  <a14:compatExt spid="_x0000_s4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64</xdr:row>
          <xdr:rowOff>171450</xdr:rowOff>
        </xdr:from>
        <xdr:to>
          <xdr:col>7</xdr:col>
          <xdr:colOff>381000</xdr:colOff>
          <xdr:row>66</xdr:row>
          <xdr:rowOff>95250</xdr:rowOff>
        </xdr:to>
        <xdr:sp macro="" textlink="">
          <xdr:nvSpPr>
            <xdr:cNvPr id="4163" name="Check Box 67" hidden="1">
              <a:extLst>
                <a:ext uri="{63B3BB69-23CF-44E3-9099-C40C66FF867C}">
                  <a14:compatExt spid="_x0000_s4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76</xdr:row>
          <xdr:rowOff>38100</xdr:rowOff>
        </xdr:from>
        <xdr:to>
          <xdr:col>6</xdr:col>
          <xdr:colOff>57150</xdr:colOff>
          <xdr:row>77</xdr:row>
          <xdr:rowOff>133350</xdr:rowOff>
        </xdr:to>
        <xdr:sp macro="" textlink="">
          <xdr:nvSpPr>
            <xdr:cNvPr id="4166" name="Check Box 70" hidden="1">
              <a:extLst>
                <a:ext uri="{63B3BB69-23CF-44E3-9099-C40C66FF867C}">
                  <a14:compatExt spid="_x0000_s4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76</xdr:row>
          <xdr:rowOff>28575</xdr:rowOff>
        </xdr:from>
        <xdr:to>
          <xdr:col>7</xdr:col>
          <xdr:colOff>381000</xdr:colOff>
          <xdr:row>77</xdr:row>
          <xdr:rowOff>142875</xdr:rowOff>
        </xdr:to>
        <xdr:sp macro="" textlink="">
          <xdr:nvSpPr>
            <xdr:cNvPr id="4167" name="Check Box 71" hidden="1">
              <a:extLst>
                <a:ext uri="{63B3BB69-23CF-44E3-9099-C40C66FF867C}">
                  <a14:compatExt spid="_x0000_s4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81</xdr:row>
          <xdr:rowOff>0</xdr:rowOff>
        </xdr:from>
        <xdr:to>
          <xdr:col>6</xdr:col>
          <xdr:colOff>57150</xdr:colOff>
          <xdr:row>82</xdr:row>
          <xdr:rowOff>95250</xdr:rowOff>
        </xdr:to>
        <xdr:sp macro="" textlink="">
          <xdr:nvSpPr>
            <xdr:cNvPr id="4168" name="Check Box 72" hidden="1">
              <a:extLst>
                <a:ext uri="{63B3BB69-23CF-44E3-9099-C40C66FF867C}">
                  <a14:compatExt spid="_x0000_s4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80</xdr:row>
          <xdr:rowOff>171450</xdr:rowOff>
        </xdr:from>
        <xdr:to>
          <xdr:col>7</xdr:col>
          <xdr:colOff>381000</xdr:colOff>
          <xdr:row>82</xdr:row>
          <xdr:rowOff>104775</xdr:rowOff>
        </xdr:to>
        <xdr:sp macro="" textlink="">
          <xdr:nvSpPr>
            <xdr:cNvPr id="4169" name="Check Box 73" hidden="1">
              <a:extLst>
                <a:ext uri="{63B3BB69-23CF-44E3-9099-C40C66FF867C}">
                  <a14:compatExt spid="_x0000_s4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88</xdr:row>
          <xdr:rowOff>0</xdr:rowOff>
        </xdr:from>
        <xdr:to>
          <xdr:col>6</xdr:col>
          <xdr:colOff>66675</xdr:colOff>
          <xdr:row>89</xdr:row>
          <xdr:rowOff>95250</xdr:rowOff>
        </xdr:to>
        <xdr:sp macro="" textlink="">
          <xdr:nvSpPr>
            <xdr:cNvPr id="4170" name="Check Box 74" hidden="1">
              <a:extLst>
                <a:ext uri="{63B3BB69-23CF-44E3-9099-C40C66FF867C}">
                  <a14:compatExt spid="_x0000_s4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87</xdr:row>
          <xdr:rowOff>171450</xdr:rowOff>
        </xdr:from>
        <xdr:to>
          <xdr:col>7</xdr:col>
          <xdr:colOff>381000</xdr:colOff>
          <xdr:row>89</xdr:row>
          <xdr:rowOff>114300</xdr:rowOff>
        </xdr:to>
        <xdr:sp macro="" textlink="">
          <xdr:nvSpPr>
            <xdr:cNvPr id="4171" name="Check Box 75" hidden="1">
              <a:extLst>
                <a:ext uri="{63B3BB69-23CF-44E3-9099-C40C66FF867C}">
                  <a14:compatExt spid="_x0000_s4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92</xdr:row>
          <xdr:rowOff>161925</xdr:rowOff>
        </xdr:from>
        <xdr:to>
          <xdr:col>6</xdr:col>
          <xdr:colOff>66675</xdr:colOff>
          <xdr:row>94</xdr:row>
          <xdr:rowOff>76200</xdr:rowOff>
        </xdr:to>
        <xdr:sp macro="" textlink="">
          <xdr:nvSpPr>
            <xdr:cNvPr id="4172" name="Check Box 76" hidden="1">
              <a:extLst>
                <a:ext uri="{63B3BB69-23CF-44E3-9099-C40C66FF867C}">
                  <a14:compatExt spid="_x0000_s4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4825</xdr:colOff>
          <xdr:row>92</xdr:row>
          <xdr:rowOff>142875</xdr:rowOff>
        </xdr:from>
        <xdr:to>
          <xdr:col>7</xdr:col>
          <xdr:colOff>361950</xdr:colOff>
          <xdr:row>94</xdr:row>
          <xdr:rowOff>76200</xdr:rowOff>
        </xdr:to>
        <xdr:sp macro="" textlink="">
          <xdr:nvSpPr>
            <xdr:cNvPr id="4173" name="Check Box 77" hidden="1">
              <a:extLst>
                <a:ext uri="{63B3BB69-23CF-44E3-9099-C40C66FF867C}">
                  <a14:compatExt spid="_x0000_s4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97</xdr:row>
          <xdr:rowOff>0</xdr:rowOff>
        </xdr:from>
        <xdr:to>
          <xdr:col>6</xdr:col>
          <xdr:colOff>66675</xdr:colOff>
          <xdr:row>98</xdr:row>
          <xdr:rowOff>95250</xdr:rowOff>
        </xdr:to>
        <xdr:sp macro="" textlink="">
          <xdr:nvSpPr>
            <xdr:cNvPr id="4174" name="Check Box 78" hidden="1">
              <a:extLst>
                <a:ext uri="{63B3BB69-23CF-44E3-9099-C40C66FF867C}">
                  <a14:compatExt spid="_x0000_s4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96</xdr:row>
          <xdr:rowOff>171450</xdr:rowOff>
        </xdr:from>
        <xdr:to>
          <xdr:col>7</xdr:col>
          <xdr:colOff>381000</xdr:colOff>
          <xdr:row>98</xdr:row>
          <xdr:rowOff>95250</xdr:rowOff>
        </xdr:to>
        <xdr:sp macro="" textlink="">
          <xdr:nvSpPr>
            <xdr:cNvPr id="4175" name="Check Box 79" hidden="1">
              <a:extLst>
                <a:ext uri="{63B3BB69-23CF-44E3-9099-C40C66FF867C}">
                  <a14:compatExt spid="_x0000_s4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26</xdr:row>
          <xdr:rowOff>0</xdr:rowOff>
        </xdr:from>
        <xdr:to>
          <xdr:col>6</xdr:col>
          <xdr:colOff>57150</xdr:colOff>
          <xdr:row>127</xdr:row>
          <xdr:rowOff>95250</xdr:rowOff>
        </xdr:to>
        <xdr:sp macro="" textlink="">
          <xdr:nvSpPr>
            <xdr:cNvPr id="4176" name="Check Box 80" hidden="1">
              <a:extLst>
                <a:ext uri="{63B3BB69-23CF-44E3-9099-C40C66FF867C}">
                  <a14:compatExt spid="_x0000_s4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25</xdr:row>
          <xdr:rowOff>171450</xdr:rowOff>
        </xdr:from>
        <xdr:to>
          <xdr:col>7</xdr:col>
          <xdr:colOff>381000</xdr:colOff>
          <xdr:row>127</xdr:row>
          <xdr:rowOff>95250</xdr:rowOff>
        </xdr:to>
        <xdr:sp macro="" textlink="">
          <xdr:nvSpPr>
            <xdr:cNvPr id="4177" name="Check Box 81" hidden="1">
              <a:extLst>
                <a:ext uri="{63B3BB69-23CF-44E3-9099-C40C66FF867C}">
                  <a14:compatExt spid="_x0000_s4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30</xdr:row>
          <xdr:rowOff>0</xdr:rowOff>
        </xdr:from>
        <xdr:to>
          <xdr:col>6</xdr:col>
          <xdr:colOff>57150</xdr:colOff>
          <xdr:row>131</xdr:row>
          <xdr:rowOff>0</xdr:rowOff>
        </xdr:to>
        <xdr:sp macro="" textlink="">
          <xdr:nvSpPr>
            <xdr:cNvPr id="4178" name="Check Box 82" hidden="1">
              <a:extLst>
                <a:ext uri="{63B3BB69-23CF-44E3-9099-C40C66FF867C}">
                  <a14:compatExt spid="_x0000_s4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30</xdr:row>
          <xdr:rowOff>0</xdr:rowOff>
        </xdr:from>
        <xdr:to>
          <xdr:col>7</xdr:col>
          <xdr:colOff>381000</xdr:colOff>
          <xdr:row>131</xdr:row>
          <xdr:rowOff>9525</xdr:rowOff>
        </xdr:to>
        <xdr:sp macro="" textlink="">
          <xdr:nvSpPr>
            <xdr:cNvPr id="4179" name="Check Box 83" hidden="1">
              <a:extLst>
                <a:ext uri="{63B3BB69-23CF-44E3-9099-C40C66FF867C}">
                  <a14:compatExt spid="_x0000_s4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72</xdr:row>
          <xdr:rowOff>28575</xdr:rowOff>
        </xdr:from>
        <xdr:to>
          <xdr:col>6</xdr:col>
          <xdr:colOff>66675</xdr:colOff>
          <xdr:row>173</xdr:row>
          <xdr:rowOff>123825</xdr:rowOff>
        </xdr:to>
        <xdr:sp macro="" textlink="">
          <xdr:nvSpPr>
            <xdr:cNvPr id="4180" name="Check Box 84" hidden="1">
              <a:extLst>
                <a:ext uri="{63B3BB69-23CF-44E3-9099-C40C66FF867C}">
                  <a14:compatExt spid="_x0000_s4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72</xdr:row>
          <xdr:rowOff>19050</xdr:rowOff>
        </xdr:from>
        <xdr:to>
          <xdr:col>7</xdr:col>
          <xdr:colOff>400050</xdr:colOff>
          <xdr:row>173</xdr:row>
          <xdr:rowOff>123825</xdr:rowOff>
        </xdr:to>
        <xdr:sp macro="" textlink="">
          <xdr:nvSpPr>
            <xdr:cNvPr id="4181" name="Check Box 85" hidden="1">
              <a:extLst>
                <a:ext uri="{63B3BB69-23CF-44E3-9099-C40C66FF867C}">
                  <a14:compatExt spid="_x0000_s4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08</xdr:row>
          <xdr:rowOff>0</xdr:rowOff>
        </xdr:from>
        <xdr:to>
          <xdr:col>6</xdr:col>
          <xdr:colOff>57150</xdr:colOff>
          <xdr:row>209</xdr:row>
          <xdr:rowOff>95250</xdr:rowOff>
        </xdr:to>
        <xdr:sp macro="" textlink="">
          <xdr:nvSpPr>
            <xdr:cNvPr id="4182" name="Check Box 86" hidden="1">
              <a:extLst>
                <a:ext uri="{63B3BB69-23CF-44E3-9099-C40C66FF867C}">
                  <a14:compatExt spid="_x0000_s4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2450</xdr:colOff>
          <xdr:row>207</xdr:row>
          <xdr:rowOff>171450</xdr:rowOff>
        </xdr:from>
        <xdr:to>
          <xdr:col>7</xdr:col>
          <xdr:colOff>400050</xdr:colOff>
          <xdr:row>209</xdr:row>
          <xdr:rowOff>104775</xdr:rowOff>
        </xdr:to>
        <xdr:sp macro="" textlink="">
          <xdr:nvSpPr>
            <xdr:cNvPr id="4183" name="Check Box 87" hidden="1">
              <a:extLst>
                <a:ext uri="{63B3BB69-23CF-44E3-9099-C40C66FF867C}">
                  <a14:compatExt spid="_x0000_s4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0975</xdr:colOff>
          <xdr:row>183</xdr:row>
          <xdr:rowOff>114300</xdr:rowOff>
        </xdr:from>
        <xdr:to>
          <xdr:col>6</xdr:col>
          <xdr:colOff>76200</xdr:colOff>
          <xdr:row>185</xdr:row>
          <xdr:rowOff>47625</xdr:rowOff>
        </xdr:to>
        <xdr:sp macro="" textlink="">
          <xdr:nvSpPr>
            <xdr:cNvPr id="4184" name="Check Box 88" hidden="1">
              <a:extLst>
                <a:ext uri="{63B3BB69-23CF-44E3-9099-C40C66FF867C}">
                  <a14:compatExt spid="_x0000_s4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4350</xdr:colOff>
          <xdr:row>183</xdr:row>
          <xdr:rowOff>133350</xdr:rowOff>
        </xdr:from>
        <xdr:to>
          <xdr:col>7</xdr:col>
          <xdr:colOff>371475</xdr:colOff>
          <xdr:row>185</xdr:row>
          <xdr:rowOff>76200</xdr:rowOff>
        </xdr:to>
        <xdr:sp macro="" textlink="">
          <xdr:nvSpPr>
            <xdr:cNvPr id="4185" name="Check Box 89" hidden="1">
              <a:extLst>
                <a:ext uri="{63B3BB69-23CF-44E3-9099-C40C66FF867C}">
                  <a14:compatExt spid="_x0000_s4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04</xdr:row>
          <xdr:rowOff>0</xdr:rowOff>
        </xdr:from>
        <xdr:to>
          <xdr:col>6</xdr:col>
          <xdr:colOff>57150</xdr:colOff>
          <xdr:row>205</xdr:row>
          <xdr:rowOff>95250</xdr:rowOff>
        </xdr:to>
        <xdr:sp macro="" textlink="">
          <xdr:nvSpPr>
            <xdr:cNvPr id="4186" name="Check Box 90" hidden="1">
              <a:extLst>
                <a:ext uri="{63B3BB69-23CF-44E3-9099-C40C66FF867C}">
                  <a14:compatExt spid="_x0000_s4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03</xdr:row>
          <xdr:rowOff>171450</xdr:rowOff>
        </xdr:from>
        <xdr:to>
          <xdr:col>7</xdr:col>
          <xdr:colOff>381000</xdr:colOff>
          <xdr:row>205</xdr:row>
          <xdr:rowOff>104775</xdr:rowOff>
        </xdr:to>
        <xdr:sp macro="" textlink="">
          <xdr:nvSpPr>
            <xdr:cNvPr id="4187" name="Check Box 91" hidden="1">
              <a:extLst>
                <a:ext uri="{63B3BB69-23CF-44E3-9099-C40C66FF867C}">
                  <a14:compatExt spid="_x0000_s4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13</xdr:row>
          <xdr:rowOff>0</xdr:rowOff>
        </xdr:from>
        <xdr:to>
          <xdr:col>6</xdr:col>
          <xdr:colOff>57150</xdr:colOff>
          <xdr:row>214</xdr:row>
          <xdr:rowOff>95250</xdr:rowOff>
        </xdr:to>
        <xdr:sp macro="" textlink="">
          <xdr:nvSpPr>
            <xdr:cNvPr id="4188" name="Check Box 92" hidden="1">
              <a:extLst>
                <a:ext uri="{63B3BB69-23CF-44E3-9099-C40C66FF867C}">
                  <a14:compatExt spid="_x0000_s4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12</xdr:row>
          <xdr:rowOff>171450</xdr:rowOff>
        </xdr:from>
        <xdr:to>
          <xdr:col>7</xdr:col>
          <xdr:colOff>381000</xdr:colOff>
          <xdr:row>214</xdr:row>
          <xdr:rowOff>95250</xdr:rowOff>
        </xdr:to>
        <xdr:sp macro="" textlink="">
          <xdr:nvSpPr>
            <xdr:cNvPr id="4189" name="Check Box 93" hidden="1">
              <a:extLst>
                <a:ext uri="{63B3BB69-23CF-44E3-9099-C40C66FF867C}">
                  <a14:compatExt spid="_x0000_s4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16</xdr:row>
          <xdr:rowOff>0</xdr:rowOff>
        </xdr:from>
        <xdr:to>
          <xdr:col>6</xdr:col>
          <xdr:colOff>276225</xdr:colOff>
          <xdr:row>217</xdr:row>
          <xdr:rowOff>38100</xdr:rowOff>
        </xdr:to>
        <xdr:sp macro="" textlink="">
          <xdr:nvSpPr>
            <xdr:cNvPr id="4190" name="Check Box 94" hidden="1">
              <a:extLst>
                <a:ext uri="{63B3BB69-23CF-44E3-9099-C40C66FF867C}">
                  <a14:compatExt spid="_x0000_s4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満た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90525</xdr:colOff>
          <xdr:row>216</xdr:row>
          <xdr:rowOff>28575</xdr:rowOff>
        </xdr:from>
        <xdr:to>
          <xdr:col>7</xdr:col>
          <xdr:colOff>542925</xdr:colOff>
          <xdr:row>216</xdr:row>
          <xdr:rowOff>209550</xdr:rowOff>
        </xdr:to>
        <xdr:sp macro="" textlink="">
          <xdr:nvSpPr>
            <xdr:cNvPr id="4191" name="Check Box 95" hidden="1">
              <a:extLst>
                <a:ext uri="{63B3BB69-23CF-44E3-9099-C40C66FF867C}">
                  <a14:compatExt spid="_x0000_s4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満た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53</xdr:row>
          <xdr:rowOff>47625</xdr:rowOff>
        </xdr:from>
        <xdr:to>
          <xdr:col>6</xdr:col>
          <xdr:colOff>57150</xdr:colOff>
          <xdr:row>54</xdr:row>
          <xdr:rowOff>133350</xdr:rowOff>
        </xdr:to>
        <xdr:sp macro="" textlink="">
          <xdr:nvSpPr>
            <xdr:cNvPr id="4194" name="Check Box 98" hidden="1">
              <a:extLst>
                <a:ext uri="{63B3BB69-23CF-44E3-9099-C40C66FF867C}">
                  <a14:compatExt spid="_x0000_s4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2925</xdr:colOff>
          <xdr:row>53</xdr:row>
          <xdr:rowOff>28575</xdr:rowOff>
        </xdr:from>
        <xdr:to>
          <xdr:col>7</xdr:col>
          <xdr:colOff>400050</xdr:colOff>
          <xdr:row>54</xdr:row>
          <xdr:rowOff>133350</xdr:rowOff>
        </xdr:to>
        <xdr:sp macro="" textlink="">
          <xdr:nvSpPr>
            <xdr:cNvPr id="4195" name="Check Box 99" hidden="1">
              <a:extLst>
                <a:ext uri="{63B3BB69-23CF-44E3-9099-C40C66FF867C}">
                  <a14:compatExt spid="_x0000_s4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57</xdr:row>
          <xdr:rowOff>0</xdr:rowOff>
        </xdr:from>
        <xdr:to>
          <xdr:col>6</xdr:col>
          <xdr:colOff>57150</xdr:colOff>
          <xdr:row>58</xdr:row>
          <xdr:rowOff>104775</xdr:rowOff>
        </xdr:to>
        <xdr:sp macro="" textlink="">
          <xdr:nvSpPr>
            <xdr:cNvPr id="4196" name="Check Box 100" hidden="1">
              <a:extLst>
                <a:ext uri="{63B3BB69-23CF-44E3-9099-C40C66FF867C}">
                  <a14:compatExt spid="_x0000_s4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57</xdr:row>
          <xdr:rowOff>0</xdr:rowOff>
        </xdr:from>
        <xdr:to>
          <xdr:col>7</xdr:col>
          <xdr:colOff>381000</xdr:colOff>
          <xdr:row>58</xdr:row>
          <xdr:rowOff>114300</xdr:rowOff>
        </xdr:to>
        <xdr:sp macro="" textlink="">
          <xdr:nvSpPr>
            <xdr:cNvPr id="4197" name="Check Box 101" hidden="1">
              <a:extLst>
                <a:ext uri="{63B3BB69-23CF-44E3-9099-C40C66FF867C}">
                  <a14:compatExt spid="_x0000_s4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7</xdr:row>
          <xdr:rowOff>161925</xdr:rowOff>
        </xdr:from>
        <xdr:to>
          <xdr:col>6</xdr:col>
          <xdr:colOff>57150</xdr:colOff>
          <xdr:row>9</xdr:row>
          <xdr:rowOff>57150</xdr:rowOff>
        </xdr:to>
        <xdr:sp macro="" textlink="">
          <xdr:nvSpPr>
            <xdr:cNvPr id="4198" name="Check Box 102" hidden="1">
              <a:extLst>
                <a:ext uri="{63B3BB69-23CF-44E3-9099-C40C66FF867C}">
                  <a14:compatExt spid="_x0000_s4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7</xdr:row>
          <xdr:rowOff>152400</xdr:rowOff>
        </xdr:from>
        <xdr:to>
          <xdr:col>7</xdr:col>
          <xdr:colOff>381000</xdr:colOff>
          <xdr:row>9</xdr:row>
          <xdr:rowOff>66675</xdr:rowOff>
        </xdr:to>
        <xdr:sp macro="" textlink="">
          <xdr:nvSpPr>
            <xdr:cNvPr id="4199" name="Check Box 103" hidden="1">
              <a:extLst>
                <a:ext uri="{63B3BB69-23CF-44E3-9099-C40C66FF867C}">
                  <a14:compatExt spid="_x0000_s4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13</xdr:row>
          <xdr:rowOff>19050</xdr:rowOff>
        </xdr:from>
        <xdr:to>
          <xdr:col>6</xdr:col>
          <xdr:colOff>57150</xdr:colOff>
          <xdr:row>14</xdr:row>
          <xdr:rowOff>95250</xdr:rowOff>
        </xdr:to>
        <xdr:sp macro="" textlink="">
          <xdr:nvSpPr>
            <xdr:cNvPr id="4200" name="Check Box 104" hidden="1">
              <a:extLst>
                <a:ext uri="{63B3BB69-23CF-44E3-9099-C40C66FF867C}">
                  <a14:compatExt spid="_x0000_s4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2</xdr:row>
          <xdr:rowOff>171450</xdr:rowOff>
        </xdr:from>
        <xdr:to>
          <xdr:col>7</xdr:col>
          <xdr:colOff>381000</xdr:colOff>
          <xdr:row>14</xdr:row>
          <xdr:rowOff>95250</xdr:rowOff>
        </xdr:to>
        <xdr:sp macro="" textlink="">
          <xdr:nvSpPr>
            <xdr:cNvPr id="4201" name="Check Box 105" hidden="1">
              <a:extLst>
                <a:ext uri="{63B3BB69-23CF-44E3-9099-C40C66FF867C}">
                  <a14:compatExt spid="_x0000_s4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7</xdr:row>
          <xdr:rowOff>0</xdr:rowOff>
        </xdr:from>
        <xdr:to>
          <xdr:col>6</xdr:col>
          <xdr:colOff>57150</xdr:colOff>
          <xdr:row>18</xdr:row>
          <xdr:rowOff>85725</xdr:rowOff>
        </xdr:to>
        <xdr:sp macro="" textlink="">
          <xdr:nvSpPr>
            <xdr:cNvPr id="4202" name="Check Box 106" hidden="1">
              <a:extLst>
                <a:ext uri="{63B3BB69-23CF-44E3-9099-C40C66FF867C}">
                  <a14:compatExt spid="_x0000_s4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6</xdr:row>
          <xdr:rowOff>171450</xdr:rowOff>
        </xdr:from>
        <xdr:to>
          <xdr:col>7</xdr:col>
          <xdr:colOff>381000</xdr:colOff>
          <xdr:row>18</xdr:row>
          <xdr:rowOff>85725</xdr:rowOff>
        </xdr:to>
        <xdr:sp macro="" textlink="">
          <xdr:nvSpPr>
            <xdr:cNvPr id="4203" name="Check Box 107" hidden="1">
              <a:extLst>
                <a:ext uri="{63B3BB69-23CF-44E3-9099-C40C66FF867C}">
                  <a14:compatExt spid="_x0000_s4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4</xdr:row>
          <xdr:rowOff>0</xdr:rowOff>
        </xdr:from>
        <xdr:to>
          <xdr:col>6</xdr:col>
          <xdr:colOff>57150</xdr:colOff>
          <xdr:row>25</xdr:row>
          <xdr:rowOff>85725</xdr:rowOff>
        </xdr:to>
        <xdr:sp macro="" textlink="">
          <xdr:nvSpPr>
            <xdr:cNvPr id="4204" name="Check Box 108" hidden="1">
              <a:extLst>
                <a:ext uri="{63B3BB69-23CF-44E3-9099-C40C66FF867C}">
                  <a14:compatExt spid="_x0000_s4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3</xdr:row>
          <xdr:rowOff>171450</xdr:rowOff>
        </xdr:from>
        <xdr:to>
          <xdr:col>7</xdr:col>
          <xdr:colOff>381000</xdr:colOff>
          <xdr:row>25</xdr:row>
          <xdr:rowOff>95250</xdr:rowOff>
        </xdr:to>
        <xdr:sp macro="" textlink="">
          <xdr:nvSpPr>
            <xdr:cNvPr id="4205" name="Check Box 109" hidden="1">
              <a:extLst>
                <a:ext uri="{63B3BB69-23CF-44E3-9099-C40C66FF867C}">
                  <a14:compatExt spid="_x0000_s4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0</xdr:row>
          <xdr:rowOff>9525</xdr:rowOff>
        </xdr:from>
        <xdr:to>
          <xdr:col>6</xdr:col>
          <xdr:colOff>38100</xdr:colOff>
          <xdr:row>21</xdr:row>
          <xdr:rowOff>95250</xdr:rowOff>
        </xdr:to>
        <xdr:sp macro="" textlink="">
          <xdr:nvSpPr>
            <xdr:cNvPr id="4206" name="Check Box 110" hidden="1">
              <a:extLst>
                <a:ext uri="{63B3BB69-23CF-44E3-9099-C40C66FF867C}">
                  <a14:compatExt spid="_x0000_s4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4350</xdr:colOff>
          <xdr:row>20</xdr:row>
          <xdr:rowOff>19050</xdr:rowOff>
        </xdr:from>
        <xdr:to>
          <xdr:col>7</xdr:col>
          <xdr:colOff>371475</xdr:colOff>
          <xdr:row>21</xdr:row>
          <xdr:rowOff>123825</xdr:rowOff>
        </xdr:to>
        <xdr:sp macro="" textlink="">
          <xdr:nvSpPr>
            <xdr:cNvPr id="4207" name="Check Box 111" hidden="1">
              <a:extLst>
                <a:ext uri="{63B3BB69-23CF-44E3-9099-C40C66FF867C}">
                  <a14:compatExt spid="_x0000_s4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83</xdr:row>
          <xdr:rowOff>38100</xdr:rowOff>
        </xdr:from>
        <xdr:to>
          <xdr:col>6</xdr:col>
          <xdr:colOff>57150</xdr:colOff>
          <xdr:row>284</xdr:row>
          <xdr:rowOff>152400</xdr:rowOff>
        </xdr:to>
        <xdr:sp macro="" textlink="">
          <xdr:nvSpPr>
            <xdr:cNvPr id="4208" name="Check Box 112" hidden="1">
              <a:extLst>
                <a:ext uri="{63B3BB69-23CF-44E3-9099-C40C66FF867C}">
                  <a14:compatExt spid="_x0000_s4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283</xdr:row>
          <xdr:rowOff>38100</xdr:rowOff>
        </xdr:from>
        <xdr:to>
          <xdr:col>7</xdr:col>
          <xdr:colOff>381000</xdr:colOff>
          <xdr:row>284</xdr:row>
          <xdr:rowOff>152400</xdr:rowOff>
        </xdr:to>
        <xdr:sp macro="" textlink="">
          <xdr:nvSpPr>
            <xdr:cNvPr id="4209" name="Check Box 113" hidden="1">
              <a:extLst>
                <a:ext uri="{63B3BB69-23CF-44E3-9099-C40C66FF867C}">
                  <a14:compatExt spid="_x0000_s4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86</xdr:row>
          <xdr:rowOff>0</xdr:rowOff>
        </xdr:from>
        <xdr:to>
          <xdr:col>6</xdr:col>
          <xdr:colOff>57150</xdr:colOff>
          <xdr:row>287</xdr:row>
          <xdr:rowOff>114300</xdr:rowOff>
        </xdr:to>
        <xdr:sp macro="" textlink="">
          <xdr:nvSpPr>
            <xdr:cNvPr id="4210" name="Check Box 114" hidden="1">
              <a:extLst>
                <a:ext uri="{63B3BB69-23CF-44E3-9099-C40C66FF867C}">
                  <a14:compatExt spid="_x0000_s4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85</xdr:row>
          <xdr:rowOff>171450</xdr:rowOff>
        </xdr:from>
        <xdr:to>
          <xdr:col>7</xdr:col>
          <xdr:colOff>381000</xdr:colOff>
          <xdr:row>287</xdr:row>
          <xdr:rowOff>123825</xdr:rowOff>
        </xdr:to>
        <xdr:sp macro="" textlink="">
          <xdr:nvSpPr>
            <xdr:cNvPr id="4211" name="Check Box 115" hidden="1">
              <a:extLst>
                <a:ext uri="{63B3BB69-23CF-44E3-9099-C40C66FF867C}">
                  <a14:compatExt spid="_x0000_s4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89</xdr:row>
          <xdr:rowOff>0</xdr:rowOff>
        </xdr:from>
        <xdr:to>
          <xdr:col>6</xdr:col>
          <xdr:colOff>57150</xdr:colOff>
          <xdr:row>290</xdr:row>
          <xdr:rowOff>114300</xdr:rowOff>
        </xdr:to>
        <xdr:sp macro="" textlink="">
          <xdr:nvSpPr>
            <xdr:cNvPr id="4212" name="Check Box 116" hidden="1">
              <a:extLst>
                <a:ext uri="{63B3BB69-23CF-44E3-9099-C40C66FF867C}">
                  <a14:compatExt spid="_x0000_s4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88</xdr:row>
          <xdr:rowOff>171450</xdr:rowOff>
        </xdr:from>
        <xdr:to>
          <xdr:col>7</xdr:col>
          <xdr:colOff>381000</xdr:colOff>
          <xdr:row>290</xdr:row>
          <xdr:rowOff>123825</xdr:rowOff>
        </xdr:to>
        <xdr:sp macro="" textlink="">
          <xdr:nvSpPr>
            <xdr:cNvPr id="4213" name="Check Box 117" hidden="1">
              <a:extLst>
                <a:ext uri="{63B3BB69-23CF-44E3-9099-C40C66FF867C}">
                  <a14:compatExt spid="_x0000_s4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92</xdr:row>
          <xdr:rowOff>0</xdr:rowOff>
        </xdr:from>
        <xdr:to>
          <xdr:col>6</xdr:col>
          <xdr:colOff>57150</xdr:colOff>
          <xdr:row>293</xdr:row>
          <xdr:rowOff>114300</xdr:rowOff>
        </xdr:to>
        <xdr:sp macro="" textlink="">
          <xdr:nvSpPr>
            <xdr:cNvPr id="4214" name="Check Box 118" hidden="1">
              <a:extLst>
                <a:ext uri="{63B3BB69-23CF-44E3-9099-C40C66FF867C}">
                  <a14:compatExt spid="_x0000_s4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91</xdr:row>
          <xdr:rowOff>171450</xdr:rowOff>
        </xdr:from>
        <xdr:to>
          <xdr:col>7</xdr:col>
          <xdr:colOff>381000</xdr:colOff>
          <xdr:row>293</xdr:row>
          <xdr:rowOff>123825</xdr:rowOff>
        </xdr:to>
        <xdr:sp macro="" textlink="">
          <xdr:nvSpPr>
            <xdr:cNvPr id="4215" name="Check Box 119" hidden="1">
              <a:extLst>
                <a:ext uri="{63B3BB69-23CF-44E3-9099-C40C66FF867C}">
                  <a14:compatExt spid="_x0000_s4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95</xdr:row>
          <xdr:rowOff>0</xdr:rowOff>
        </xdr:from>
        <xdr:to>
          <xdr:col>6</xdr:col>
          <xdr:colOff>57150</xdr:colOff>
          <xdr:row>296</xdr:row>
          <xdr:rowOff>114300</xdr:rowOff>
        </xdr:to>
        <xdr:sp macro="" textlink="">
          <xdr:nvSpPr>
            <xdr:cNvPr id="4216" name="Check Box 120" hidden="1">
              <a:extLst>
                <a:ext uri="{63B3BB69-23CF-44E3-9099-C40C66FF867C}">
                  <a14:compatExt spid="_x0000_s4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94</xdr:row>
          <xdr:rowOff>171450</xdr:rowOff>
        </xdr:from>
        <xdr:to>
          <xdr:col>7</xdr:col>
          <xdr:colOff>381000</xdr:colOff>
          <xdr:row>296</xdr:row>
          <xdr:rowOff>123825</xdr:rowOff>
        </xdr:to>
        <xdr:sp macro="" textlink="">
          <xdr:nvSpPr>
            <xdr:cNvPr id="4217" name="Check Box 121" hidden="1">
              <a:extLst>
                <a:ext uri="{63B3BB69-23CF-44E3-9099-C40C66FF867C}">
                  <a14:compatExt spid="_x0000_s4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00</xdr:row>
          <xdr:rowOff>0</xdr:rowOff>
        </xdr:from>
        <xdr:to>
          <xdr:col>6</xdr:col>
          <xdr:colOff>57150</xdr:colOff>
          <xdr:row>301</xdr:row>
          <xdr:rowOff>76200</xdr:rowOff>
        </xdr:to>
        <xdr:sp macro="" textlink="">
          <xdr:nvSpPr>
            <xdr:cNvPr id="4238" name="Check Box 142" hidden="1">
              <a:extLst>
                <a:ext uri="{63B3BB69-23CF-44E3-9099-C40C66FF867C}">
                  <a14:compatExt spid="_x0000_s4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99</xdr:row>
          <xdr:rowOff>171450</xdr:rowOff>
        </xdr:from>
        <xdr:to>
          <xdr:col>7</xdr:col>
          <xdr:colOff>381000</xdr:colOff>
          <xdr:row>301</xdr:row>
          <xdr:rowOff>57150</xdr:rowOff>
        </xdr:to>
        <xdr:sp macro="" textlink="">
          <xdr:nvSpPr>
            <xdr:cNvPr id="4239" name="Check Box 143" hidden="1">
              <a:extLst>
                <a:ext uri="{63B3BB69-23CF-44E3-9099-C40C66FF867C}">
                  <a14:compatExt spid="_x0000_s4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03</xdr:row>
          <xdr:rowOff>0</xdr:rowOff>
        </xdr:from>
        <xdr:to>
          <xdr:col>6</xdr:col>
          <xdr:colOff>57150</xdr:colOff>
          <xdr:row>304</xdr:row>
          <xdr:rowOff>76200</xdr:rowOff>
        </xdr:to>
        <xdr:sp macro="" textlink="">
          <xdr:nvSpPr>
            <xdr:cNvPr id="4242" name="Check Box 146" hidden="1">
              <a:extLst>
                <a:ext uri="{63B3BB69-23CF-44E3-9099-C40C66FF867C}">
                  <a14:compatExt spid="_x0000_s4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02</xdr:row>
          <xdr:rowOff>171450</xdr:rowOff>
        </xdr:from>
        <xdr:to>
          <xdr:col>7</xdr:col>
          <xdr:colOff>381000</xdr:colOff>
          <xdr:row>304</xdr:row>
          <xdr:rowOff>57150</xdr:rowOff>
        </xdr:to>
        <xdr:sp macro="" textlink="">
          <xdr:nvSpPr>
            <xdr:cNvPr id="4243" name="Check Box 147" hidden="1">
              <a:extLst>
                <a:ext uri="{63B3BB69-23CF-44E3-9099-C40C66FF867C}">
                  <a14:compatExt spid="_x0000_s4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153</xdr:row>
          <xdr:rowOff>0</xdr:rowOff>
        </xdr:from>
        <xdr:to>
          <xdr:col>6</xdr:col>
          <xdr:colOff>66675</xdr:colOff>
          <xdr:row>154</xdr:row>
          <xdr:rowOff>95250</xdr:rowOff>
        </xdr:to>
        <xdr:sp macro="" textlink="">
          <xdr:nvSpPr>
            <xdr:cNvPr id="4244" name="Check Box 148" hidden="1">
              <a:extLst>
                <a:ext uri="{63B3BB69-23CF-44E3-9099-C40C66FF867C}">
                  <a14:compatExt spid="_x0000_s4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53</xdr:row>
          <xdr:rowOff>0</xdr:rowOff>
        </xdr:from>
        <xdr:to>
          <xdr:col>7</xdr:col>
          <xdr:colOff>381000</xdr:colOff>
          <xdr:row>154</xdr:row>
          <xdr:rowOff>114300</xdr:rowOff>
        </xdr:to>
        <xdr:sp macro="" textlink="">
          <xdr:nvSpPr>
            <xdr:cNvPr id="4245" name="Check Box 149" hidden="1">
              <a:extLst>
                <a:ext uri="{63B3BB69-23CF-44E3-9099-C40C66FF867C}">
                  <a14:compatExt spid="_x0000_s4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79</xdr:row>
          <xdr:rowOff>0</xdr:rowOff>
        </xdr:from>
        <xdr:to>
          <xdr:col>6</xdr:col>
          <xdr:colOff>57150</xdr:colOff>
          <xdr:row>180</xdr:row>
          <xdr:rowOff>95250</xdr:rowOff>
        </xdr:to>
        <xdr:sp macro="" textlink="">
          <xdr:nvSpPr>
            <xdr:cNvPr id="4246" name="Check Box 150" hidden="1">
              <a:extLst>
                <a:ext uri="{63B3BB69-23CF-44E3-9099-C40C66FF867C}">
                  <a14:compatExt spid="_x0000_s4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78</xdr:row>
          <xdr:rowOff>171450</xdr:rowOff>
        </xdr:from>
        <xdr:to>
          <xdr:col>7</xdr:col>
          <xdr:colOff>381000</xdr:colOff>
          <xdr:row>180</xdr:row>
          <xdr:rowOff>104775</xdr:rowOff>
        </xdr:to>
        <xdr:sp macro="" textlink="">
          <xdr:nvSpPr>
            <xdr:cNvPr id="4247" name="Check Box 151" hidden="1">
              <a:extLst>
                <a:ext uri="{63B3BB69-23CF-44E3-9099-C40C66FF867C}">
                  <a14:compatExt spid="_x0000_s4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89</xdr:row>
          <xdr:rowOff>76200</xdr:rowOff>
        </xdr:from>
        <xdr:to>
          <xdr:col>7</xdr:col>
          <xdr:colOff>447675</xdr:colOff>
          <xdr:row>92</xdr:row>
          <xdr:rowOff>95250</xdr:rowOff>
        </xdr:to>
        <xdr:sp macro="" textlink="">
          <xdr:nvSpPr>
            <xdr:cNvPr id="4248" name="Check Box 152" hidden="1">
              <a:extLst>
                <a:ext uri="{63B3BB69-23CF-44E3-9099-C40C66FF867C}">
                  <a14:compatExt spid="_x0000_s4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保育時間中に付加的プログラム(有料プログラム)は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48</xdr:row>
          <xdr:rowOff>133350</xdr:rowOff>
        </xdr:from>
        <xdr:to>
          <xdr:col>6</xdr:col>
          <xdr:colOff>66675</xdr:colOff>
          <xdr:row>150</xdr:row>
          <xdr:rowOff>66675</xdr:rowOff>
        </xdr:to>
        <xdr:sp macro="" textlink="">
          <xdr:nvSpPr>
            <xdr:cNvPr id="4249" name="Check Box 153" hidden="1">
              <a:extLst>
                <a:ext uri="{63B3BB69-23CF-44E3-9099-C40C66FF867C}">
                  <a14:compatExt spid="_x0000_s4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48</xdr:row>
          <xdr:rowOff>123825</xdr:rowOff>
        </xdr:from>
        <xdr:to>
          <xdr:col>7</xdr:col>
          <xdr:colOff>381000</xdr:colOff>
          <xdr:row>150</xdr:row>
          <xdr:rowOff>66675</xdr:rowOff>
        </xdr:to>
        <xdr:sp macro="" textlink="">
          <xdr:nvSpPr>
            <xdr:cNvPr id="4250" name="Check Box 154" hidden="1">
              <a:extLst>
                <a:ext uri="{63B3BB69-23CF-44E3-9099-C40C66FF867C}">
                  <a14:compatExt spid="_x0000_s4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36</xdr:row>
          <xdr:rowOff>0</xdr:rowOff>
        </xdr:from>
        <xdr:to>
          <xdr:col>6</xdr:col>
          <xdr:colOff>57150</xdr:colOff>
          <xdr:row>137</xdr:row>
          <xdr:rowOff>95250</xdr:rowOff>
        </xdr:to>
        <xdr:sp macro="" textlink="">
          <xdr:nvSpPr>
            <xdr:cNvPr id="4251" name="Check Box 155" hidden="1">
              <a:extLst>
                <a:ext uri="{63B3BB69-23CF-44E3-9099-C40C66FF867C}">
                  <a14:compatExt spid="_x0000_s4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35</xdr:row>
          <xdr:rowOff>171450</xdr:rowOff>
        </xdr:from>
        <xdr:to>
          <xdr:col>7</xdr:col>
          <xdr:colOff>381000</xdr:colOff>
          <xdr:row>137</xdr:row>
          <xdr:rowOff>104775</xdr:rowOff>
        </xdr:to>
        <xdr:sp macro="" textlink="">
          <xdr:nvSpPr>
            <xdr:cNvPr id="4252" name="Check Box 156" hidden="1">
              <a:extLst>
                <a:ext uri="{63B3BB69-23CF-44E3-9099-C40C66FF867C}">
                  <a14:compatExt spid="_x0000_s4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33</xdr:row>
          <xdr:rowOff>0</xdr:rowOff>
        </xdr:from>
        <xdr:to>
          <xdr:col>6</xdr:col>
          <xdr:colOff>57150</xdr:colOff>
          <xdr:row>134</xdr:row>
          <xdr:rowOff>95250</xdr:rowOff>
        </xdr:to>
        <xdr:sp macro="" textlink="">
          <xdr:nvSpPr>
            <xdr:cNvPr id="4253" name="Check Box 157" hidden="1">
              <a:extLst>
                <a:ext uri="{63B3BB69-23CF-44E3-9099-C40C66FF867C}">
                  <a14:compatExt spid="_x0000_s4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32</xdr:row>
          <xdr:rowOff>171450</xdr:rowOff>
        </xdr:from>
        <xdr:to>
          <xdr:col>7</xdr:col>
          <xdr:colOff>381000</xdr:colOff>
          <xdr:row>134</xdr:row>
          <xdr:rowOff>104775</xdr:rowOff>
        </xdr:to>
        <xdr:sp macro="" textlink="">
          <xdr:nvSpPr>
            <xdr:cNvPr id="4254" name="Check Box 158" hidden="1">
              <a:extLst>
                <a:ext uri="{63B3BB69-23CF-44E3-9099-C40C66FF867C}">
                  <a14:compatExt spid="_x0000_s4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02</xdr:row>
          <xdr:rowOff>190500</xdr:rowOff>
        </xdr:from>
        <xdr:to>
          <xdr:col>7</xdr:col>
          <xdr:colOff>495300</xdr:colOff>
          <xdr:row>204</xdr:row>
          <xdr:rowOff>66675</xdr:rowOff>
        </xdr:to>
        <xdr:sp macro="" textlink="">
          <xdr:nvSpPr>
            <xdr:cNvPr id="4255" name="Check Box 159" hidden="1">
              <a:extLst>
                <a:ext uri="{63B3BB69-23CF-44E3-9099-C40C66FF867C}">
                  <a14:compatExt spid="_x0000_s4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68</xdr:row>
          <xdr:rowOff>142875</xdr:rowOff>
        </xdr:from>
        <xdr:to>
          <xdr:col>6</xdr:col>
          <xdr:colOff>47625</xdr:colOff>
          <xdr:row>70</xdr:row>
          <xdr:rowOff>28575</xdr:rowOff>
        </xdr:to>
        <xdr:sp macro="" textlink="">
          <xdr:nvSpPr>
            <xdr:cNvPr id="4276" name="Check Box 180" hidden="1">
              <a:extLst>
                <a:ext uri="{63B3BB69-23CF-44E3-9099-C40C66FF867C}">
                  <a14:compatExt spid="_x0000_s4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68</xdr:row>
          <xdr:rowOff>104775</xdr:rowOff>
        </xdr:from>
        <xdr:to>
          <xdr:col>7</xdr:col>
          <xdr:colOff>381000</xdr:colOff>
          <xdr:row>70</xdr:row>
          <xdr:rowOff>9525</xdr:rowOff>
        </xdr:to>
        <xdr:sp macro="" textlink="">
          <xdr:nvSpPr>
            <xdr:cNvPr id="4277" name="Check Box 181" hidden="1">
              <a:extLst>
                <a:ext uri="{63B3BB69-23CF-44E3-9099-C40C66FF867C}">
                  <a14:compatExt spid="_x0000_s4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06</xdr:row>
          <xdr:rowOff>38100</xdr:rowOff>
        </xdr:from>
        <xdr:to>
          <xdr:col>7</xdr:col>
          <xdr:colOff>495300</xdr:colOff>
          <xdr:row>207</xdr:row>
          <xdr:rowOff>142875</xdr:rowOff>
        </xdr:to>
        <xdr:sp macro="" textlink="">
          <xdr:nvSpPr>
            <xdr:cNvPr id="4290" name="Check Box 194" hidden="1">
              <a:extLst>
                <a:ext uri="{63B3BB69-23CF-44E3-9099-C40C66FF867C}">
                  <a14:compatExt spid="_x0000_s4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11</xdr:row>
          <xdr:rowOff>180975</xdr:rowOff>
        </xdr:from>
        <xdr:to>
          <xdr:col>7</xdr:col>
          <xdr:colOff>485775</xdr:colOff>
          <xdr:row>213</xdr:row>
          <xdr:rowOff>57150</xdr:rowOff>
        </xdr:to>
        <xdr:sp macro="" textlink="">
          <xdr:nvSpPr>
            <xdr:cNvPr id="4291" name="Check Box 195" hidden="1">
              <a:extLst>
                <a:ext uri="{63B3BB69-23CF-44E3-9099-C40C66FF867C}">
                  <a14:compatExt spid="_x0000_s4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外部搬入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14</xdr:row>
          <xdr:rowOff>133350</xdr:rowOff>
        </xdr:from>
        <xdr:to>
          <xdr:col>7</xdr:col>
          <xdr:colOff>485775</xdr:colOff>
          <xdr:row>216</xdr:row>
          <xdr:rowOff>9525</xdr:rowOff>
        </xdr:to>
        <xdr:sp macro="" textlink="">
          <xdr:nvSpPr>
            <xdr:cNvPr id="4292" name="Check Box 196" hidden="1">
              <a:extLst>
                <a:ext uri="{63B3BB69-23CF-44E3-9099-C40C66FF867C}">
                  <a14:compatExt spid="_x0000_s4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外部搬入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275</xdr:row>
          <xdr:rowOff>28575</xdr:rowOff>
        </xdr:from>
        <xdr:to>
          <xdr:col>7</xdr:col>
          <xdr:colOff>504825</xdr:colOff>
          <xdr:row>276</xdr:row>
          <xdr:rowOff>133350</xdr:rowOff>
        </xdr:to>
        <xdr:sp macro="" textlink="">
          <xdr:nvSpPr>
            <xdr:cNvPr id="4293" name="Check Box 197" hidden="1">
              <a:extLst>
                <a:ext uri="{63B3BB69-23CF-44E3-9099-C40C66FF867C}">
                  <a14:compatExt spid="_x0000_s42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重篤な事故は発生していない</a:t>
              </a:r>
            </a:p>
          </xdr:txBody>
        </xdr:sp>
        <xdr:clientData/>
      </xdr:twoCellAnchor>
    </mc:Choice>
    <mc:Fallback/>
  </mc:AlternateContent>
  <xdr:twoCellAnchor>
    <xdr:from>
      <xdr:col>9</xdr:col>
      <xdr:colOff>67310</xdr:colOff>
      <xdr:row>67</xdr:row>
      <xdr:rowOff>20954</xdr:rowOff>
    </xdr:from>
    <xdr:to>
      <xdr:col>17</xdr:col>
      <xdr:colOff>561975</xdr:colOff>
      <xdr:row>73</xdr:row>
      <xdr:rowOff>133349</xdr:rowOff>
    </xdr:to>
    <xdr:sp macro="" textlink="">
      <xdr:nvSpPr>
        <xdr:cNvPr id="4294" name="Text Box 198"/>
        <xdr:cNvSpPr txBox="1">
          <a:spLocks noChangeArrowheads="1"/>
        </xdr:cNvSpPr>
      </xdr:nvSpPr>
      <xdr:spPr bwMode="auto">
        <a:xfrm>
          <a:off x="6229985" y="12260579"/>
          <a:ext cx="6057265" cy="1426845"/>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200" b="0" i="0" u="none" strike="noStrike" baseline="0">
              <a:solidFill>
                <a:srgbClr val="000000"/>
              </a:solidFill>
              <a:latin typeface="ＭＳ 明朝"/>
              <a:ea typeface="ＭＳ 明朝"/>
            </a:rPr>
            <a:t>令和５年度内に「保育所・認定こども園等における人権擁護のためのセルフチェックリスト」等を用いて、保育従事者全員が保育内容の自己点検を行い、よりよい保育を行うためのミーティング等を行っている場合、「はい」を選んでください。</a:t>
          </a:r>
        </a:p>
        <a:p>
          <a:pPr algn="l" rtl="0">
            <a:defRPr sz="1000"/>
          </a:pPr>
          <a:r>
            <a:rPr lang="ja-JP" altLang="en-US" sz="1200" b="0" i="0" u="none" strike="noStrike" baseline="0">
              <a:solidFill>
                <a:srgbClr val="000000"/>
              </a:solidFill>
              <a:latin typeface="ＭＳ 明朝"/>
              <a:ea typeface="ＭＳ 明朝"/>
            </a:rPr>
            <a:t>現時点で行っていない場合は、提出期限までに実施し、「はい」を選んでください。</a:t>
          </a:r>
        </a:p>
        <a:p>
          <a:pPr algn="l" rtl="0">
            <a:defRPr sz="1000"/>
          </a:pPr>
          <a:r>
            <a:rPr lang="ja-JP" altLang="en-US" sz="1200" b="0" i="0" u="none" strike="noStrike" baseline="0">
              <a:solidFill>
                <a:srgbClr val="000000"/>
              </a:solidFill>
              <a:latin typeface="ＭＳ 明朝"/>
              <a:ea typeface="ＭＳ 明朝"/>
            </a:rPr>
            <a:t>左記URLにセルフチェックリストと活用事例が掲載されています。</a:t>
          </a:r>
        </a:p>
      </xdr:txBody>
    </xdr:sp>
    <xdr:clientData/>
  </xdr:twoCellAnchor>
  <mc:AlternateContent xmlns:mc="http://schemas.openxmlformats.org/markup-compatibility/2006">
    <mc:Choice xmlns:a14="http://schemas.microsoft.com/office/drawing/2010/main" Requires="a14">
      <xdr:twoCellAnchor editAs="oneCell">
        <xdr:from>
          <xdr:col>5</xdr:col>
          <xdr:colOff>161925</xdr:colOff>
          <xdr:row>246</xdr:row>
          <xdr:rowOff>0</xdr:rowOff>
        </xdr:from>
        <xdr:to>
          <xdr:col>6</xdr:col>
          <xdr:colOff>57150</xdr:colOff>
          <xdr:row>247</xdr:row>
          <xdr:rowOff>95250</xdr:rowOff>
        </xdr:to>
        <xdr:sp macro="" textlink="">
          <xdr:nvSpPr>
            <xdr:cNvPr id="4302" name="Check Box 206" hidden="1">
              <a:extLst>
                <a:ext uri="{63B3BB69-23CF-44E3-9099-C40C66FF867C}">
                  <a14:compatExt spid="_x0000_s4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45</xdr:row>
          <xdr:rowOff>171450</xdr:rowOff>
        </xdr:from>
        <xdr:to>
          <xdr:col>7</xdr:col>
          <xdr:colOff>390525</xdr:colOff>
          <xdr:row>247</xdr:row>
          <xdr:rowOff>95250</xdr:rowOff>
        </xdr:to>
        <xdr:sp macro="" textlink="">
          <xdr:nvSpPr>
            <xdr:cNvPr id="4303" name="Check Box 207" hidden="1">
              <a:extLst>
                <a:ext uri="{63B3BB69-23CF-44E3-9099-C40C66FF867C}">
                  <a14:compatExt spid="_x0000_s4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37</xdr:row>
          <xdr:rowOff>161925</xdr:rowOff>
        </xdr:from>
        <xdr:to>
          <xdr:col>6</xdr:col>
          <xdr:colOff>57150</xdr:colOff>
          <xdr:row>239</xdr:row>
          <xdr:rowOff>85725</xdr:rowOff>
        </xdr:to>
        <xdr:sp macro="" textlink="">
          <xdr:nvSpPr>
            <xdr:cNvPr id="4304" name="Check Box 208" hidden="1">
              <a:extLst>
                <a:ext uri="{63B3BB69-23CF-44E3-9099-C40C66FF867C}">
                  <a14:compatExt spid="_x0000_s4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4825</xdr:colOff>
          <xdr:row>237</xdr:row>
          <xdr:rowOff>133350</xdr:rowOff>
        </xdr:from>
        <xdr:to>
          <xdr:col>7</xdr:col>
          <xdr:colOff>361950</xdr:colOff>
          <xdr:row>239</xdr:row>
          <xdr:rowOff>47625</xdr:rowOff>
        </xdr:to>
        <xdr:sp macro="" textlink="">
          <xdr:nvSpPr>
            <xdr:cNvPr id="4305" name="Check Box 209" hidden="1">
              <a:extLst>
                <a:ext uri="{63B3BB69-23CF-44E3-9099-C40C66FF867C}">
                  <a14:compatExt spid="_x0000_s4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36</xdr:row>
          <xdr:rowOff>0</xdr:rowOff>
        </xdr:from>
        <xdr:to>
          <xdr:col>6</xdr:col>
          <xdr:colOff>57150</xdr:colOff>
          <xdr:row>237</xdr:row>
          <xdr:rowOff>95250</xdr:rowOff>
        </xdr:to>
        <xdr:sp macro="" textlink="">
          <xdr:nvSpPr>
            <xdr:cNvPr id="4308" name="Check Box 212" hidden="1">
              <a:extLst>
                <a:ext uri="{63B3BB69-23CF-44E3-9099-C40C66FF867C}">
                  <a14:compatExt spid="_x0000_s43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35</xdr:row>
          <xdr:rowOff>171450</xdr:rowOff>
        </xdr:from>
        <xdr:to>
          <xdr:col>7</xdr:col>
          <xdr:colOff>390525</xdr:colOff>
          <xdr:row>237</xdr:row>
          <xdr:rowOff>95250</xdr:rowOff>
        </xdr:to>
        <xdr:sp macro="" textlink="">
          <xdr:nvSpPr>
            <xdr:cNvPr id="4309" name="Check Box 213" hidden="1">
              <a:extLst>
                <a:ext uri="{63B3BB69-23CF-44E3-9099-C40C66FF867C}">
                  <a14:compatExt spid="_x0000_s4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231</xdr:row>
          <xdr:rowOff>133350</xdr:rowOff>
        </xdr:from>
        <xdr:to>
          <xdr:col>6</xdr:col>
          <xdr:colOff>66675</xdr:colOff>
          <xdr:row>233</xdr:row>
          <xdr:rowOff>57150</xdr:rowOff>
        </xdr:to>
        <xdr:sp macro="" textlink="">
          <xdr:nvSpPr>
            <xdr:cNvPr id="4310" name="Check Box 214" hidden="1">
              <a:extLst>
                <a:ext uri="{63B3BB69-23CF-44E3-9099-C40C66FF867C}">
                  <a14:compatExt spid="_x0000_s43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2925</xdr:colOff>
          <xdr:row>231</xdr:row>
          <xdr:rowOff>114300</xdr:rowOff>
        </xdr:from>
        <xdr:to>
          <xdr:col>7</xdr:col>
          <xdr:colOff>390525</xdr:colOff>
          <xdr:row>233</xdr:row>
          <xdr:rowOff>28575</xdr:rowOff>
        </xdr:to>
        <xdr:sp macro="" textlink="">
          <xdr:nvSpPr>
            <xdr:cNvPr id="4311" name="Check Box 215" hidden="1">
              <a:extLst>
                <a:ext uri="{63B3BB69-23CF-44E3-9099-C40C66FF867C}">
                  <a14:compatExt spid="_x0000_s43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239</xdr:row>
          <xdr:rowOff>152400</xdr:rowOff>
        </xdr:from>
        <xdr:to>
          <xdr:col>6</xdr:col>
          <xdr:colOff>38100</xdr:colOff>
          <xdr:row>240</xdr:row>
          <xdr:rowOff>171450</xdr:rowOff>
        </xdr:to>
        <xdr:sp macro="" textlink="">
          <xdr:nvSpPr>
            <xdr:cNvPr id="4312" name="Check Box 216" hidden="1">
              <a:extLst>
                <a:ext uri="{63B3BB69-23CF-44E3-9099-C40C66FF867C}">
                  <a14:compatExt spid="_x0000_s43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76250</xdr:colOff>
          <xdr:row>239</xdr:row>
          <xdr:rowOff>190500</xdr:rowOff>
        </xdr:from>
        <xdr:to>
          <xdr:col>7</xdr:col>
          <xdr:colOff>323850</xdr:colOff>
          <xdr:row>240</xdr:row>
          <xdr:rowOff>209550</xdr:rowOff>
        </xdr:to>
        <xdr:sp macro="" textlink="">
          <xdr:nvSpPr>
            <xdr:cNvPr id="4314" name="Check Box 218" hidden="1">
              <a:extLst>
                <a:ext uri="{63B3BB69-23CF-44E3-9099-C40C66FF867C}">
                  <a14:compatExt spid="_x0000_s43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47</xdr:row>
          <xdr:rowOff>114300</xdr:rowOff>
        </xdr:from>
        <xdr:to>
          <xdr:col>7</xdr:col>
          <xdr:colOff>514350</xdr:colOff>
          <xdr:row>250</xdr:row>
          <xdr:rowOff>133350</xdr:rowOff>
        </xdr:to>
        <xdr:sp macro="" textlink="">
          <xdr:nvSpPr>
            <xdr:cNvPr id="4317" name="Check Box 221" hidden="1">
              <a:extLst>
                <a:ext uri="{63B3BB69-23CF-44E3-9099-C40C66FF867C}">
                  <a14:compatExt spid="_x0000_s43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児童の移動のための自動車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257</xdr:row>
          <xdr:rowOff>295275</xdr:rowOff>
        </xdr:from>
        <xdr:to>
          <xdr:col>7</xdr:col>
          <xdr:colOff>190500</xdr:colOff>
          <xdr:row>258</xdr:row>
          <xdr:rowOff>266700</xdr:rowOff>
        </xdr:to>
        <xdr:sp macro="" textlink="">
          <xdr:nvSpPr>
            <xdr:cNvPr id="4324" name="Check Box 228" hidden="1">
              <a:extLst>
                <a:ext uri="{63B3BB69-23CF-44E3-9099-C40C66FF867C}">
                  <a14:compatExt spid="_x0000_s43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設置し所在確認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304</xdr:row>
          <xdr:rowOff>85725</xdr:rowOff>
        </xdr:from>
        <xdr:to>
          <xdr:col>7</xdr:col>
          <xdr:colOff>276225</xdr:colOff>
          <xdr:row>305</xdr:row>
          <xdr:rowOff>171450</xdr:rowOff>
        </xdr:to>
        <xdr:sp macro="" textlink="">
          <xdr:nvSpPr>
            <xdr:cNvPr id="4325" name="Check Box 229" hidden="1">
              <a:extLst>
                <a:ext uri="{63B3BB69-23CF-44E3-9099-C40C66FF867C}">
                  <a14:compatExt spid="_x0000_s43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私的契約児は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52</xdr:row>
          <xdr:rowOff>142875</xdr:rowOff>
        </xdr:from>
        <xdr:to>
          <xdr:col>6</xdr:col>
          <xdr:colOff>38100</xdr:colOff>
          <xdr:row>254</xdr:row>
          <xdr:rowOff>0</xdr:rowOff>
        </xdr:to>
        <xdr:sp macro="" textlink="">
          <xdr:nvSpPr>
            <xdr:cNvPr id="4328" name="Check Box 232" hidden="1">
              <a:extLst>
                <a:ext uri="{63B3BB69-23CF-44E3-9099-C40C66FF867C}">
                  <a14:compatExt spid="_x0000_s43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66725</xdr:colOff>
          <xdr:row>252</xdr:row>
          <xdr:rowOff>142875</xdr:rowOff>
        </xdr:from>
        <xdr:to>
          <xdr:col>7</xdr:col>
          <xdr:colOff>323850</xdr:colOff>
          <xdr:row>253</xdr:row>
          <xdr:rowOff>228600</xdr:rowOff>
        </xdr:to>
        <xdr:sp macro="" textlink="">
          <xdr:nvSpPr>
            <xdr:cNvPr id="4330" name="Check Box 234" hidden="1">
              <a:extLst>
                <a:ext uri="{63B3BB69-23CF-44E3-9099-C40C66FF867C}">
                  <a14:compatExt spid="_x0000_s43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261</xdr:row>
          <xdr:rowOff>276225</xdr:rowOff>
        </xdr:from>
        <xdr:to>
          <xdr:col>6</xdr:col>
          <xdr:colOff>476250</xdr:colOff>
          <xdr:row>263</xdr:row>
          <xdr:rowOff>19050</xdr:rowOff>
        </xdr:to>
        <xdr:sp macro="" textlink="">
          <xdr:nvSpPr>
            <xdr:cNvPr id="4331" name="Check Box 235" hidden="1">
              <a:extLst>
                <a:ext uri="{63B3BB69-23CF-44E3-9099-C40C66FF867C}">
                  <a14:compatExt spid="_x0000_s43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これから設置する</a:t>
              </a:r>
            </a:p>
          </xdr:txBody>
        </xdr:sp>
        <xdr:clientData/>
      </xdr:twoCellAnchor>
    </mc:Choice>
    <mc:Fallback/>
  </mc:AlternateContent>
  <xdr:twoCellAnchor>
    <xdr:from>
      <xdr:col>9</xdr:col>
      <xdr:colOff>438150</xdr:colOff>
      <xdr:row>265</xdr:row>
      <xdr:rowOff>76200</xdr:rowOff>
    </xdr:from>
    <xdr:to>
      <xdr:col>12</xdr:col>
      <xdr:colOff>485775</xdr:colOff>
      <xdr:row>266</xdr:row>
      <xdr:rowOff>133350</xdr:rowOff>
    </xdr:to>
    <xdr:sp macro="" textlink="">
      <xdr:nvSpPr>
        <xdr:cNvPr id="2" name="正方形/長方形 1"/>
        <xdr:cNvSpPr/>
      </xdr:nvSpPr>
      <xdr:spPr>
        <a:xfrm>
          <a:off x="6600825" y="48091725"/>
          <a:ext cx="2133600" cy="552450"/>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児童の移動のための自動車がある施設は、提出物があります。</a:t>
          </a:r>
          <a:endParaRPr kumimoji="1" lang="en-US" altLang="ja-JP" sz="1100"/>
        </a:p>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1</xdr:col>
      <xdr:colOff>85725</xdr:colOff>
      <xdr:row>0</xdr:row>
      <xdr:rowOff>95250</xdr:rowOff>
    </xdr:from>
    <xdr:to>
      <xdr:col>33</xdr:col>
      <xdr:colOff>247650</xdr:colOff>
      <xdr:row>2</xdr:row>
      <xdr:rowOff>171450</xdr:rowOff>
    </xdr:to>
    <xdr:sp macro="" textlink="">
      <xdr:nvSpPr>
        <xdr:cNvPr id="4" name="角丸四角形 3"/>
        <xdr:cNvSpPr/>
      </xdr:nvSpPr>
      <xdr:spPr>
        <a:xfrm>
          <a:off x="13896975" y="95250"/>
          <a:ext cx="1171575" cy="381000"/>
        </a:xfrm>
        <a:prstGeom prst="roundRect">
          <a:avLst/>
        </a:prstGeom>
        <a:ln w="38100">
          <a:solidFill>
            <a:schemeClr val="accent1"/>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ctr"/>
          <a:r>
            <a:rPr kumimoji="1" lang="ja-JP" altLang="en-US" sz="1600"/>
            <a:t>記載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55" Type="http://schemas.openxmlformats.org/officeDocument/2006/relationships/ctrlProp" Target="../ctrlProps/ctrlProp52.xml"/><Relationship Id="rId63" Type="http://schemas.openxmlformats.org/officeDocument/2006/relationships/ctrlProp" Target="../ctrlProps/ctrlProp60.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8" Type="http://schemas.openxmlformats.org/officeDocument/2006/relationships/ctrlProp" Target="../ctrlProps/ctrlProp55.xml"/><Relationship Id="rId66" Type="http://schemas.openxmlformats.org/officeDocument/2006/relationships/ctrlProp" Target="../ctrlProps/ctrlProp63.xml"/><Relationship Id="rId5" Type="http://schemas.openxmlformats.org/officeDocument/2006/relationships/ctrlProp" Target="../ctrlProps/ctrlProp2.xml"/><Relationship Id="rId61" Type="http://schemas.openxmlformats.org/officeDocument/2006/relationships/ctrlProp" Target="../ctrlProps/ctrlProp58.xml"/><Relationship Id="rId19" Type="http://schemas.openxmlformats.org/officeDocument/2006/relationships/ctrlProp" Target="../ctrlProps/ctrlProp1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64" Type="http://schemas.openxmlformats.org/officeDocument/2006/relationships/ctrlProp" Target="../ctrlProps/ctrlProp61.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67" Type="http://schemas.openxmlformats.org/officeDocument/2006/relationships/ctrlProp" Target="../ctrlProps/ctrlProp64.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178.xml"/><Relationship Id="rId21" Type="http://schemas.openxmlformats.org/officeDocument/2006/relationships/ctrlProp" Target="../ctrlProps/ctrlProp82.xml"/><Relationship Id="rId42" Type="http://schemas.openxmlformats.org/officeDocument/2006/relationships/ctrlProp" Target="../ctrlProps/ctrlProp103.xml"/><Relationship Id="rId63" Type="http://schemas.openxmlformats.org/officeDocument/2006/relationships/ctrlProp" Target="../ctrlProps/ctrlProp124.xml"/><Relationship Id="rId84" Type="http://schemas.openxmlformats.org/officeDocument/2006/relationships/ctrlProp" Target="../ctrlProps/ctrlProp145.xml"/><Relationship Id="rId138" Type="http://schemas.openxmlformats.org/officeDocument/2006/relationships/ctrlProp" Target="../ctrlProps/ctrlProp199.xml"/><Relationship Id="rId107" Type="http://schemas.openxmlformats.org/officeDocument/2006/relationships/ctrlProp" Target="../ctrlProps/ctrlProp168.xml"/><Relationship Id="rId11" Type="http://schemas.openxmlformats.org/officeDocument/2006/relationships/ctrlProp" Target="../ctrlProps/ctrlProp72.xml"/><Relationship Id="rId32" Type="http://schemas.openxmlformats.org/officeDocument/2006/relationships/ctrlProp" Target="../ctrlProps/ctrlProp93.xml"/><Relationship Id="rId37" Type="http://schemas.openxmlformats.org/officeDocument/2006/relationships/ctrlProp" Target="../ctrlProps/ctrlProp98.xml"/><Relationship Id="rId53" Type="http://schemas.openxmlformats.org/officeDocument/2006/relationships/ctrlProp" Target="../ctrlProps/ctrlProp114.xml"/><Relationship Id="rId58" Type="http://schemas.openxmlformats.org/officeDocument/2006/relationships/ctrlProp" Target="../ctrlProps/ctrlProp119.xml"/><Relationship Id="rId74" Type="http://schemas.openxmlformats.org/officeDocument/2006/relationships/ctrlProp" Target="../ctrlProps/ctrlProp135.xml"/><Relationship Id="rId79" Type="http://schemas.openxmlformats.org/officeDocument/2006/relationships/ctrlProp" Target="../ctrlProps/ctrlProp140.xml"/><Relationship Id="rId102" Type="http://schemas.openxmlformats.org/officeDocument/2006/relationships/ctrlProp" Target="../ctrlProps/ctrlProp163.xml"/><Relationship Id="rId123" Type="http://schemas.openxmlformats.org/officeDocument/2006/relationships/ctrlProp" Target="../ctrlProps/ctrlProp184.xml"/><Relationship Id="rId128" Type="http://schemas.openxmlformats.org/officeDocument/2006/relationships/ctrlProp" Target="../ctrlProps/ctrlProp189.xml"/><Relationship Id="rId144" Type="http://schemas.openxmlformats.org/officeDocument/2006/relationships/ctrlProp" Target="../ctrlProps/ctrlProp205.xml"/><Relationship Id="rId5" Type="http://schemas.openxmlformats.org/officeDocument/2006/relationships/ctrlProp" Target="../ctrlProps/ctrlProp66.xml"/><Relationship Id="rId90" Type="http://schemas.openxmlformats.org/officeDocument/2006/relationships/ctrlProp" Target="../ctrlProps/ctrlProp151.xml"/><Relationship Id="rId95" Type="http://schemas.openxmlformats.org/officeDocument/2006/relationships/ctrlProp" Target="../ctrlProps/ctrlProp156.xml"/><Relationship Id="rId22" Type="http://schemas.openxmlformats.org/officeDocument/2006/relationships/ctrlProp" Target="../ctrlProps/ctrlProp83.xml"/><Relationship Id="rId27" Type="http://schemas.openxmlformats.org/officeDocument/2006/relationships/ctrlProp" Target="../ctrlProps/ctrlProp88.xml"/><Relationship Id="rId43" Type="http://schemas.openxmlformats.org/officeDocument/2006/relationships/ctrlProp" Target="../ctrlProps/ctrlProp104.xml"/><Relationship Id="rId48" Type="http://schemas.openxmlformats.org/officeDocument/2006/relationships/ctrlProp" Target="../ctrlProps/ctrlProp109.xml"/><Relationship Id="rId64" Type="http://schemas.openxmlformats.org/officeDocument/2006/relationships/ctrlProp" Target="../ctrlProps/ctrlProp125.xml"/><Relationship Id="rId69" Type="http://schemas.openxmlformats.org/officeDocument/2006/relationships/ctrlProp" Target="../ctrlProps/ctrlProp130.xml"/><Relationship Id="rId113" Type="http://schemas.openxmlformats.org/officeDocument/2006/relationships/ctrlProp" Target="../ctrlProps/ctrlProp174.xml"/><Relationship Id="rId118" Type="http://schemas.openxmlformats.org/officeDocument/2006/relationships/ctrlProp" Target="../ctrlProps/ctrlProp179.xml"/><Relationship Id="rId134" Type="http://schemas.openxmlformats.org/officeDocument/2006/relationships/ctrlProp" Target="../ctrlProps/ctrlProp195.xml"/><Relationship Id="rId139" Type="http://schemas.openxmlformats.org/officeDocument/2006/relationships/ctrlProp" Target="../ctrlProps/ctrlProp200.xml"/><Relationship Id="rId80" Type="http://schemas.openxmlformats.org/officeDocument/2006/relationships/ctrlProp" Target="../ctrlProps/ctrlProp141.xml"/><Relationship Id="rId85" Type="http://schemas.openxmlformats.org/officeDocument/2006/relationships/ctrlProp" Target="../ctrlProps/ctrlProp146.xml"/><Relationship Id="rId12" Type="http://schemas.openxmlformats.org/officeDocument/2006/relationships/ctrlProp" Target="../ctrlProps/ctrlProp73.xml"/><Relationship Id="rId17" Type="http://schemas.openxmlformats.org/officeDocument/2006/relationships/ctrlProp" Target="../ctrlProps/ctrlProp78.xml"/><Relationship Id="rId33" Type="http://schemas.openxmlformats.org/officeDocument/2006/relationships/ctrlProp" Target="../ctrlProps/ctrlProp94.xml"/><Relationship Id="rId38" Type="http://schemas.openxmlformats.org/officeDocument/2006/relationships/ctrlProp" Target="../ctrlProps/ctrlProp99.xml"/><Relationship Id="rId59" Type="http://schemas.openxmlformats.org/officeDocument/2006/relationships/ctrlProp" Target="../ctrlProps/ctrlProp120.xml"/><Relationship Id="rId103" Type="http://schemas.openxmlformats.org/officeDocument/2006/relationships/ctrlProp" Target="../ctrlProps/ctrlProp164.xml"/><Relationship Id="rId108" Type="http://schemas.openxmlformats.org/officeDocument/2006/relationships/ctrlProp" Target="../ctrlProps/ctrlProp169.xml"/><Relationship Id="rId124" Type="http://schemas.openxmlformats.org/officeDocument/2006/relationships/ctrlProp" Target="../ctrlProps/ctrlProp185.xml"/><Relationship Id="rId129" Type="http://schemas.openxmlformats.org/officeDocument/2006/relationships/ctrlProp" Target="../ctrlProps/ctrlProp190.xml"/><Relationship Id="rId54" Type="http://schemas.openxmlformats.org/officeDocument/2006/relationships/ctrlProp" Target="../ctrlProps/ctrlProp115.xml"/><Relationship Id="rId70" Type="http://schemas.openxmlformats.org/officeDocument/2006/relationships/ctrlProp" Target="../ctrlProps/ctrlProp131.xml"/><Relationship Id="rId75" Type="http://schemas.openxmlformats.org/officeDocument/2006/relationships/ctrlProp" Target="../ctrlProps/ctrlProp136.xml"/><Relationship Id="rId91" Type="http://schemas.openxmlformats.org/officeDocument/2006/relationships/ctrlProp" Target="../ctrlProps/ctrlProp152.xml"/><Relationship Id="rId96" Type="http://schemas.openxmlformats.org/officeDocument/2006/relationships/ctrlProp" Target="../ctrlProps/ctrlProp157.xml"/><Relationship Id="rId140" Type="http://schemas.openxmlformats.org/officeDocument/2006/relationships/ctrlProp" Target="../ctrlProps/ctrlProp201.xml"/><Relationship Id="rId1" Type="http://schemas.openxmlformats.org/officeDocument/2006/relationships/printerSettings" Target="../printerSettings/printerSettings2.bin"/><Relationship Id="rId6" Type="http://schemas.openxmlformats.org/officeDocument/2006/relationships/ctrlProp" Target="../ctrlProps/ctrlProp67.xml"/><Relationship Id="rId23" Type="http://schemas.openxmlformats.org/officeDocument/2006/relationships/ctrlProp" Target="../ctrlProps/ctrlProp84.xml"/><Relationship Id="rId28" Type="http://schemas.openxmlformats.org/officeDocument/2006/relationships/ctrlProp" Target="../ctrlProps/ctrlProp89.xml"/><Relationship Id="rId49" Type="http://schemas.openxmlformats.org/officeDocument/2006/relationships/ctrlProp" Target="../ctrlProps/ctrlProp110.xml"/><Relationship Id="rId114" Type="http://schemas.openxmlformats.org/officeDocument/2006/relationships/ctrlProp" Target="../ctrlProps/ctrlProp175.xml"/><Relationship Id="rId119" Type="http://schemas.openxmlformats.org/officeDocument/2006/relationships/ctrlProp" Target="../ctrlProps/ctrlProp180.xml"/><Relationship Id="rId44" Type="http://schemas.openxmlformats.org/officeDocument/2006/relationships/ctrlProp" Target="../ctrlProps/ctrlProp105.xml"/><Relationship Id="rId60" Type="http://schemas.openxmlformats.org/officeDocument/2006/relationships/ctrlProp" Target="../ctrlProps/ctrlProp121.xml"/><Relationship Id="rId65" Type="http://schemas.openxmlformats.org/officeDocument/2006/relationships/ctrlProp" Target="../ctrlProps/ctrlProp126.xml"/><Relationship Id="rId81" Type="http://schemas.openxmlformats.org/officeDocument/2006/relationships/ctrlProp" Target="../ctrlProps/ctrlProp142.xml"/><Relationship Id="rId86" Type="http://schemas.openxmlformats.org/officeDocument/2006/relationships/ctrlProp" Target="../ctrlProps/ctrlProp147.xml"/><Relationship Id="rId130" Type="http://schemas.openxmlformats.org/officeDocument/2006/relationships/ctrlProp" Target="../ctrlProps/ctrlProp191.xml"/><Relationship Id="rId135" Type="http://schemas.openxmlformats.org/officeDocument/2006/relationships/ctrlProp" Target="../ctrlProps/ctrlProp196.xml"/><Relationship Id="rId13" Type="http://schemas.openxmlformats.org/officeDocument/2006/relationships/ctrlProp" Target="../ctrlProps/ctrlProp74.xml"/><Relationship Id="rId18" Type="http://schemas.openxmlformats.org/officeDocument/2006/relationships/ctrlProp" Target="../ctrlProps/ctrlProp79.xml"/><Relationship Id="rId39" Type="http://schemas.openxmlformats.org/officeDocument/2006/relationships/ctrlProp" Target="../ctrlProps/ctrlProp100.xml"/><Relationship Id="rId109" Type="http://schemas.openxmlformats.org/officeDocument/2006/relationships/ctrlProp" Target="../ctrlProps/ctrlProp170.xml"/><Relationship Id="rId34" Type="http://schemas.openxmlformats.org/officeDocument/2006/relationships/ctrlProp" Target="../ctrlProps/ctrlProp95.xml"/><Relationship Id="rId50" Type="http://schemas.openxmlformats.org/officeDocument/2006/relationships/ctrlProp" Target="../ctrlProps/ctrlProp111.xml"/><Relationship Id="rId55" Type="http://schemas.openxmlformats.org/officeDocument/2006/relationships/ctrlProp" Target="../ctrlProps/ctrlProp116.xml"/><Relationship Id="rId76" Type="http://schemas.openxmlformats.org/officeDocument/2006/relationships/ctrlProp" Target="../ctrlProps/ctrlProp137.xml"/><Relationship Id="rId97" Type="http://schemas.openxmlformats.org/officeDocument/2006/relationships/ctrlProp" Target="../ctrlProps/ctrlProp158.xml"/><Relationship Id="rId104" Type="http://schemas.openxmlformats.org/officeDocument/2006/relationships/ctrlProp" Target="../ctrlProps/ctrlProp165.xml"/><Relationship Id="rId120" Type="http://schemas.openxmlformats.org/officeDocument/2006/relationships/ctrlProp" Target="../ctrlProps/ctrlProp181.xml"/><Relationship Id="rId125" Type="http://schemas.openxmlformats.org/officeDocument/2006/relationships/ctrlProp" Target="../ctrlProps/ctrlProp186.xml"/><Relationship Id="rId141" Type="http://schemas.openxmlformats.org/officeDocument/2006/relationships/ctrlProp" Target="../ctrlProps/ctrlProp202.xml"/><Relationship Id="rId7" Type="http://schemas.openxmlformats.org/officeDocument/2006/relationships/ctrlProp" Target="../ctrlProps/ctrlProp68.xml"/><Relationship Id="rId71" Type="http://schemas.openxmlformats.org/officeDocument/2006/relationships/ctrlProp" Target="../ctrlProps/ctrlProp132.xml"/><Relationship Id="rId92" Type="http://schemas.openxmlformats.org/officeDocument/2006/relationships/ctrlProp" Target="../ctrlProps/ctrlProp153.xml"/><Relationship Id="rId2" Type="http://schemas.openxmlformats.org/officeDocument/2006/relationships/drawing" Target="../drawings/drawing2.xml"/><Relationship Id="rId29" Type="http://schemas.openxmlformats.org/officeDocument/2006/relationships/ctrlProp" Target="../ctrlProps/ctrlProp90.xml"/><Relationship Id="rId24" Type="http://schemas.openxmlformats.org/officeDocument/2006/relationships/ctrlProp" Target="../ctrlProps/ctrlProp85.xml"/><Relationship Id="rId40" Type="http://schemas.openxmlformats.org/officeDocument/2006/relationships/ctrlProp" Target="../ctrlProps/ctrlProp101.xml"/><Relationship Id="rId45" Type="http://schemas.openxmlformats.org/officeDocument/2006/relationships/ctrlProp" Target="../ctrlProps/ctrlProp106.xml"/><Relationship Id="rId66" Type="http://schemas.openxmlformats.org/officeDocument/2006/relationships/ctrlProp" Target="../ctrlProps/ctrlProp127.xml"/><Relationship Id="rId87" Type="http://schemas.openxmlformats.org/officeDocument/2006/relationships/ctrlProp" Target="../ctrlProps/ctrlProp148.xml"/><Relationship Id="rId110" Type="http://schemas.openxmlformats.org/officeDocument/2006/relationships/ctrlProp" Target="../ctrlProps/ctrlProp171.xml"/><Relationship Id="rId115" Type="http://schemas.openxmlformats.org/officeDocument/2006/relationships/ctrlProp" Target="../ctrlProps/ctrlProp176.xml"/><Relationship Id="rId131" Type="http://schemas.openxmlformats.org/officeDocument/2006/relationships/ctrlProp" Target="../ctrlProps/ctrlProp192.xml"/><Relationship Id="rId136" Type="http://schemas.openxmlformats.org/officeDocument/2006/relationships/ctrlProp" Target="../ctrlProps/ctrlProp197.xml"/><Relationship Id="rId61" Type="http://schemas.openxmlformats.org/officeDocument/2006/relationships/ctrlProp" Target="../ctrlProps/ctrlProp122.xml"/><Relationship Id="rId82" Type="http://schemas.openxmlformats.org/officeDocument/2006/relationships/ctrlProp" Target="../ctrlProps/ctrlProp143.xml"/><Relationship Id="rId19" Type="http://schemas.openxmlformats.org/officeDocument/2006/relationships/ctrlProp" Target="../ctrlProps/ctrlProp80.xml"/><Relationship Id="rId14" Type="http://schemas.openxmlformats.org/officeDocument/2006/relationships/ctrlProp" Target="../ctrlProps/ctrlProp75.xml"/><Relationship Id="rId30" Type="http://schemas.openxmlformats.org/officeDocument/2006/relationships/ctrlProp" Target="../ctrlProps/ctrlProp91.xml"/><Relationship Id="rId35" Type="http://schemas.openxmlformats.org/officeDocument/2006/relationships/ctrlProp" Target="../ctrlProps/ctrlProp96.xml"/><Relationship Id="rId56" Type="http://schemas.openxmlformats.org/officeDocument/2006/relationships/ctrlProp" Target="../ctrlProps/ctrlProp117.xml"/><Relationship Id="rId77" Type="http://schemas.openxmlformats.org/officeDocument/2006/relationships/ctrlProp" Target="../ctrlProps/ctrlProp138.xml"/><Relationship Id="rId100" Type="http://schemas.openxmlformats.org/officeDocument/2006/relationships/ctrlProp" Target="../ctrlProps/ctrlProp161.xml"/><Relationship Id="rId105" Type="http://schemas.openxmlformats.org/officeDocument/2006/relationships/ctrlProp" Target="../ctrlProps/ctrlProp166.xml"/><Relationship Id="rId126" Type="http://schemas.openxmlformats.org/officeDocument/2006/relationships/ctrlProp" Target="../ctrlProps/ctrlProp187.xml"/><Relationship Id="rId8" Type="http://schemas.openxmlformats.org/officeDocument/2006/relationships/ctrlProp" Target="../ctrlProps/ctrlProp69.xml"/><Relationship Id="rId51" Type="http://schemas.openxmlformats.org/officeDocument/2006/relationships/ctrlProp" Target="../ctrlProps/ctrlProp112.xml"/><Relationship Id="rId72" Type="http://schemas.openxmlformats.org/officeDocument/2006/relationships/ctrlProp" Target="../ctrlProps/ctrlProp133.xml"/><Relationship Id="rId93" Type="http://schemas.openxmlformats.org/officeDocument/2006/relationships/ctrlProp" Target="../ctrlProps/ctrlProp154.xml"/><Relationship Id="rId98" Type="http://schemas.openxmlformats.org/officeDocument/2006/relationships/ctrlProp" Target="../ctrlProps/ctrlProp159.xml"/><Relationship Id="rId121" Type="http://schemas.openxmlformats.org/officeDocument/2006/relationships/ctrlProp" Target="../ctrlProps/ctrlProp182.xml"/><Relationship Id="rId142" Type="http://schemas.openxmlformats.org/officeDocument/2006/relationships/ctrlProp" Target="../ctrlProps/ctrlProp203.xml"/><Relationship Id="rId3" Type="http://schemas.openxmlformats.org/officeDocument/2006/relationships/vmlDrawing" Target="../drawings/vmlDrawing2.vml"/><Relationship Id="rId25" Type="http://schemas.openxmlformats.org/officeDocument/2006/relationships/ctrlProp" Target="../ctrlProps/ctrlProp86.xml"/><Relationship Id="rId46" Type="http://schemas.openxmlformats.org/officeDocument/2006/relationships/ctrlProp" Target="../ctrlProps/ctrlProp107.xml"/><Relationship Id="rId67" Type="http://schemas.openxmlformats.org/officeDocument/2006/relationships/ctrlProp" Target="../ctrlProps/ctrlProp128.xml"/><Relationship Id="rId116" Type="http://schemas.openxmlformats.org/officeDocument/2006/relationships/ctrlProp" Target="../ctrlProps/ctrlProp177.xml"/><Relationship Id="rId137" Type="http://schemas.openxmlformats.org/officeDocument/2006/relationships/ctrlProp" Target="../ctrlProps/ctrlProp198.xml"/><Relationship Id="rId20" Type="http://schemas.openxmlformats.org/officeDocument/2006/relationships/ctrlProp" Target="../ctrlProps/ctrlProp81.xml"/><Relationship Id="rId41" Type="http://schemas.openxmlformats.org/officeDocument/2006/relationships/ctrlProp" Target="../ctrlProps/ctrlProp102.xml"/><Relationship Id="rId62" Type="http://schemas.openxmlformats.org/officeDocument/2006/relationships/ctrlProp" Target="../ctrlProps/ctrlProp123.xml"/><Relationship Id="rId83" Type="http://schemas.openxmlformats.org/officeDocument/2006/relationships/ctrlProp" Target="../ctrlProps/ctrlProp144.xml"/><Relationship Id="rId88" Type="http://schemas.openxmlformats.org/officeDocument/2006/relationships/ctrlProp" Target="../ctrlProps/ctrlProp149.xml"/><Relationship Id="rId111" Type="http://schemas.openxmlformats.org/officeDocument/2006/relationships/ctrlProp" Target="../ctrlProps/ctrlProp172.xml"/><Relationship Id="rId132" Type="http://schemas.openxmlformats.org/officeDocument/2006/relationships/ctrlProp" Target="../ctrlProps/ctrlProp193.xml"/><Relationship Id="rId15" Type="http://schemas.openxmlformats.org/officeDocument/2006/relationships/ctrlProp" Target="../ctrlProps/ctrlProp76.xml"/><Relationship Id="rId36" Type="http://schemas.openxmlformats.org/officeDocument/2006/relationships/ctrlProp" Target="../ctrlProps/ctrlProp97.xml"/><Relationship Id="rId57" Type="http://schemas.openxmlformats.org/officeDocument/2006/relationships/ctrlProp" Target="../ctrlProps/ctrlProp118.xml"/><Relationship Id="rId106" Type="http://schemas.openxmlformats.org/officeDocument/2006/relationships/ctrlProp" Target="../ctrlProps/ctrlProp167.xml"/><Relationship Id="rId127" Type="http://schemas.openxmlformats.org/officeDocument/2006/relationships/ctrlProp" Target="../ctrlProps/ctrlProp188.xml"/><Relationship Id="rId10" Type="http://schemas.openxmlformats.org/officeDocument/2006/relationships/ctrlProp" Target="../ctrlProps/ctrlProp71.xml"/><Relationship Id="rId31" Type="http://schemas.openxmlformats.org/officeDocument/2006/relationships/ctrlProp" Target="../ctrlProps/ctrlProp92.xml"/><Relationship Id="rId52" Type="http://schemas.openxmlformats.org/officeDocument/2006/relationships/ctrlProp" Target="../ctrlProps/ctrlProp113.xml"/><Relationship Id="rId73" Type="http://schemas.openxmlformats.org/officeDocument/2006/relationships/ctrlProp" Target="../ctrlProps/ctrlProp134.xml"/><Relationship Id="rId78" Type="http://schemas.openxmlformats.org/officeDocument/2006/relationships/ctrlProp" Target="../ctrlProps/ctrlProp139.xml"/><Relationship Id="rId94" Type="http://schemas.openxmlformats.org/officeDocument/2006/relationships/ctrlProp" Target="../ctrlProps/ctrlProp155.xml"/><Relationship Id="rId99" Type="http://schemas.openxmlformats.org/officeDocument/2006/relationships/ctrlProp" Target="../ctrlProps/ctrlProp160.xml"/><Relationship Id="rId101" Type="http://schemas.openxmlformats.org/officeDocument/2006/relationships/ctrlProp" Target="../ctrlProps/ctrlProp162.xml"/><Relationship Id="rId122" Type="http://schemas.openxmlformats.org/officeDocument/2006/relationships/ctrlProp" Target="../ctrlProps/ctrlProp183.xml"/><Relationship Id="rId143" Type="http://schemas.openxmlformats.org/officeDocument/2006/relationships/ctrlProp" Target="../ctrlProps/ctrlProp204.xml"/><Relationship Id="rId4" Type="http://schemas.openxmlformats.org/officeDocument/2006/relationships/ctrlProp" Target="../ctrlProps/ctrlProp65.xml"/><Relationship Id="rId9" Type="http://schemas.openxmlformats.org/officeDocument/2006/relationships/ctrlProp" Target="../ctrlProps/ctrlProp70.xml"/><Relationship Id="rId26" Type="http://schemas.openxmlformats.org/officeDocument/2006/relationships/ctrlProp" Target="../ctrlProps/ctrlProp87.xml"/><Relationship Id="rId47" Type="http://schemas.openxmlformats.org/officeDocument/2006/relationships/ctrlProp" Target="../ctrlProps/ctrlProp108.xml"/><Relationship Id="rId68" Type="http://schemas.openxmlformats.org/officeDocument/2006/relationships/ctrlProp" Target="../ctrlProps/ctrlProp129.xml"/><Relationship Id="rId89" Type="http://schemas.openxmlformats.org/officeDocument/2006/relationships/ctrlProp" Target="../ctrlProps/ctrlProp150.xml"/><Relationship Id="rId112" Type="http://schemas.openxmlformats.org/officeDocument/2006/relationships/ctrlProp" Target="../ctrlProps/ctrlProp173.xml"/><Relationship Id="rId133" Type="http://schemas.openxmlformats.org/officeDocument/2006/relationships/ctrlProp" Target="../ctrlProps/ctrlProp194.xml"/><Relationship Id="rId16" Type="http://schemas.openxmlformats.org/officeDocument/2006/relationships/ctrlProp" Target="../ctrlProps/ctrlProp77.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2:N186"/>
  <sheetViews>
    <sheetView view="pageBreakPreview" topLeftCell="A115" zoomScaleNormal="100" zoomScaleSheetLayoutView="100" workbookViewId="0">
      <selection activeCell="L143" sqref="L143"/>
    </sheetView>
  </sheetViews>
  <sheetFormatPr defaultRowHeight="14.25"/>
  <cols>
    <col min="1" max="5" width="9" style="52"/>
    <col min="6" max="7" width="8.75" style="54"/>
    <col min="8" max="9" width="8.75" style="247"/>
    <col min="10" max="16384" width="9" style="52"/>
  </cols>
  <sheetData>
    <row r="2" spans="1:9" ht="17.25">
      <c r="A2" s="483" t="s">
        <v>483</v>
      </c>
      <c r="B2" s="483"/>
      <c r="C2" s="483"/>
      <c r="D2" s="483"/>
      <c r="E2" s="483"/>
      <c r="F2" s="483"/>
      <c r="G2" s="483"/>
      <c r="H2" s="483"/>
      <c r="I2" s="483"/>
    </row>
    <row r="3" spans="1:9">
      <c r="A3" s="470" t="s">
        <v>503</v>
      </c>
      <c r="B3" s="470"/>
      <c r="C3" s="470"/>
      <c r="D3" s="470"/>
      <c r="E3" s="470"/>
      <c r="F3" s="470"/>
      <c r="G3" s="470"/>
      <c r="H3" s="470"/>
      <c r="I3" s="470"/>
    </row>
    <row r="4" spans="1:9">
      <c r="A4" s="470"/>
      <c r="B4" s="470"/>
      <c r="C4" s="470"/>
      <c r="D4" s="470"/>
      <c r="E4" s="470"/>
      <c r="F4" s="470"/>
      <c r="G4" s="470"/>
      <c r="H4" s="470"/>
      <c r="I4" s="470"/>
    </row>
    <row r="6" spans="1:9">
      <c r="F6" s="54" t="s">
        <v>307</v>
      </c>
      <c r="G6" s="376" t="s">
        <v>308</v>
      </c>
      <c r="H6" s="376"/>
      <c r="I6" s="376"/>
    </row>
    <row r="7" spans="1:9" s="243" customFormat="1" ht="15" customHeight="1">
      <c r="A7" s="231" t="s">
        <v>18</v>
      </c>
      <c r="B7" s="232"/>
      <c r="C7" s="519"/>
      <c r="D7" s="520"/>
      <c r="E7" s="520"/>
      <c r="F7" s="520"/>
      <c r="G7" s="520"/>
      <c r="H7" s="520"/>
      <c r="I7" s="521"/>
    </row>
    <row r="8" spans="1:9" s="243" customFormat="1" ht="21" customHeight="1">
      <c r="A8" s="2" t="s">
        <v>19</v>
      </c>
      <c r="B8" s="108"/>
      <c r="C8" s="516"/>
      <c r="D8" s="517"/>
      <c r="E8" s="517"/>
      <c r="F8" s="517"/>
      <c r="G8" s="517"/>
      <c r="H8" s="517"/>
      <c r="I8" s="518"/>
    </row>
    <row r="9" spans="1:9" s="243" customFormat="1" ht="27" customHeight="1">
      <c r="A9" s="13" t="s">
        <v>20</v>
      </c>
      <c r="B9" s="12"/>
      <c r="C9" s="522"/>
      <c r="D9" s="523"/>
      <c r="E9" s="523"/>
      <c r="F9" s="523"/>
      <c r="G9" s="523"/>
      <c r="H9" s="523"/>
      <c r="I9" s="524"/>
    </row>
    <row r="10" spans="1:9" s="243" customFormat="1" ht="27" customHeight="1">
      <c r="A10" s="13" t="s">
        <v>21</v>
      </c>
      <c r="B10" s="14"/>
      <c r="C10" s="15" t="s">
        <v>22</v>
      </c>
      <c r="D10" s="523"/>
      <c r="E10" s="523"/>
      <c r="F10" s="523"/>
      <c r="G10" s="523"/>
      <c r="H10" s="523"/>
      <c r="I10" s="524"/>
    </row>
    <row r="11" spans="1:9" s="243" customFormat="1" ht="15" customHeight="1">
      <c r="A11" s="13" t="s">
        <v>23</v>
      </c>
      <c r="B11" s="12" t="s">
        <v>24</v>
      </c>
      <c r="C11" s="13" t="s">
        <v>25</v>
      </c>
      <c r="D11" s="14"/>
      <c r="E11" s="14"/>
      <c r="F11" s="14" t="s">
        <v>26</v>
      </c>
      <c r="G11" s="14"/>
      <c r="H11" s="89"/>
      <c r="I11" s="90"/>
    </row>
    <row r="12" spans="1:9" s="243" customFormat="1" ht="15" customHeight="1">
      <c r="A12" s="467" t="s">
        <v>306</v>
      </c>
      <c r="B12" s="468"/>
      <c r="C12" s="467"/>
      <c r="D12" s="469"/>
      <c r="E12" s="469"/>
      <c r="F12" s="469"/>
      <c r="G12" s="469"/>
      <c r="H12" s="89"/>
      <c r="I12" s="90"/>
    </row>
    <row r="13" spans="1:9" s="243" customFormat="1" ht="15" customHeight="1">
      <c r="A13" s="13" t="s">
        <v>27</v>
      </c>
      <c r="B13" s="14"/>
      <c r="C13" s="13"/>
      <c r="D13" s="14" t="s">
        <v>28</v>
      </c>
      <c r="E13" s="14"/>
      <c r="F13" s="14"/>
      <c r="G13" s="14"/>
      <c r="H13" s="89"/>
      <c r="I13" s="90"/>
    </row>
    <row r="14" spans="1:9" s="243" customFormat="1" ht="15" customHeight="1">
      <c r="A14" s="17" t="s">
        <v>29</v>
      </c>
      <c r="B14" s="16"/>
      <c r="C14" s="17"/>
      <c r="D14" s="16" t="s">
        <v>28</v>
      </c>
      <c r="E14" s="16"/>
      <c r="F14" s="16"/>
      <c r="G14" s="16"/>
      <c r="H14" s="91"/>
      <c r="I14" s="92"/>
    </row>
    <row r="15" spans="1:9" s="243" customFormat="1" ht="15" customHeight="1">
      <c r="A15" s="488" t="s">
        <v>115</v>
      </c>
      <c r="B15" s="489"/>
      <c r="C15" s="493" t="s">
        <v>116</v>
      </c>
      <c r="D15" s="494"/>
      <c r="E15" s="499" t="s">
        <v>117</v>
      </c>
      <c r="F15" s="499"/>
      <c r="G15" s="501"/>
      <c r="H15" s="502" t="s">
        <v>118</v>
      </c>
      <c r="I15" s="503"/>
    </row>
    <row r="16" spans="1:9" s="243" customFormat="1" ht="15" customHeight="1">
      <c r="A16" s="490"/>
      <c r="B16" s="491"/>
      <c r="C16" s="495"/>
      <c r="D16" s="496"/>
      <c r="E16" s="500"/>
      <c r="F16" s="500"/>
      <c r="G16" s="461"/>
      <c r="H16" s="504"/>
      <c r="I16" s="505"/>
    </row>
    <row r="17" spans="1:9" s="243" customFormat="1" ht="15" customHeight="1">
      <c r="A17" s="463"/>
      <c r="B17" s="492"/>
      <c r="C17" s="497"/>
      <c r="D17" s="498"/>
      <c r="E17" s="464"/>
      <c r="F17" s="464"/>
      <c r="G17" s="465"/>
      <c r="H17" s="506"/>
      <c r="I17" s="507"/>
    </row>
    <row r="18" spans="1:9" s="243" customFormat="1" ht="15" customHeight="1">
      <c r="A18" s="488" t="s">
        <v>119</v>
      </c>
      <c r="B18" s="489"/>
      <c r="C18" s="493" t="s">
        <v>116</v>
      </c>
      <c r="D18" s="494"/>
      <c r="E18" s="499" t="s">
        <v>120</v>
      </c>
      <c r="F18" s="499"/>
      <c r="G18" s="501"/>
      <c r="H18" s="502" t="s">
        <v>121</v>
      </c>
      <c r="I18" s="503"/>
    </row>
    <row r="19" spans="1:9" s="243" customFormat="1" ht="15" customHeight="1">
      <c r="A19" s="490"/>
      <c r="B19" s="491"/>
      <c r="C19" s="495"/>
      <c r="D19" s="496"/>
      <c r="E19" s="500"/>
      <c r="F19" s="500"/>
      <c r="G19" s="461"/>
      <c r="H19" s="504"/>
      <c r="I19" s="505"/>
    </row>
    <row r="20" spans="1:9" s="243" customFormat="1" ht="15" customHeight="1">
      <c r="A20" s="463"/>
      <c r="B20" s="492"/>
      <c r="C20" s="497"/>
      <c r="D20" s="498"/>
      <c r="E20" s="464"/>
      <c r="F20" s="464"/>
      <c r="G20" s="465"/>
      <c r="H20" s="506"/>
      <c r="I20" s="507"/>
    </row>
    <row r="21" spans="1:9" s="243" customFormat="1" ht="15" customHeight="1">
      <c r="A21" s="488" t="s">
        <v>124</v>
      </c>
      <c r="B21" s="489"/>
      <c r="C21" s="508" t="s">
        <v>122</v>
      </c>
      <c r="D21" s="501"/>
      <c r="E21" s="501"/>
      <c r="F21" s="501"/>
      <c r="G21" s="81"/>
      <c r="H21" s="84"/>
      <c r="I21" s="85"/>
    </row>
    <row r="22" spans="1:9" s="243" customFormat="1" ht="15" customHeight="1">
      <c r="A22" s="490"/>
      <c r="B22" s="491"/>
      <c r="C22" s="509"/>
      <c r="D22" s="461"/>
      <c r="E22" s="461"/>
      <c r="F22" s="461"/>
      <c r="G22" s="461" t="s">
        <v>125</v>
      </c>
      <c r="H22" s="461"/>
      <c r="I22" s="462"/>
    </row>
    <row r="23" spans="1:9" s="243" customFormat="1" ht="15" customHeight="1">
      <c r="A23" s="463"/>
      <c r="B23" s="492"/>
      <c r="C23" s="463" t="s">
        <v>126</v>
      </c>
      <c r="D23" s="464"/>
      <c r="E23" s="464"/>
      <c r="F23" s="464"/>
      <c r="G23" s="465" t="s">
        <v>123</v>
      </c>
      <c r="H23" s="465"/>
      <c r="I23" s="466"/>
    </row>
    <row r="24" spans="1:9" s="243" customFormat="1" ht="15" customHeight="1">
      <c r="A24" s="108"/>
      <c r="B24" s="108"/>
      <c r="C24" s="108"/>
      <c r="D24" s="108"/>
      <c r="E24" s="108"/>
      <c r="F24" s="108"/>
      <c r="G24" s="108"/>
      <c r="H24" s="88"/>
      <c r="I24" s="88"/>
    </row>
    <row r="26" spans="1:9" ht="14.45" customHeight="1">
      <c r="A26" s="484" t="s">
        <v>113</v>
      </c>
      <c r="B26" s="485"/>
      <c r="C26" s="485"/>
      <c r="D26" s="485"/>
      <c r="E26" s="485"/>
      <c r="F26" s="485"/>
      <c r="G26" s="486"/>
      <c r="H26" s="487" t="s">
        <v>114</v>
      </c>
      <c r="I26" s="486"/>
    </row>
    <row r="27" spans="1:9">
      <c r="A27" s="419" t="s">
        <v>127</v>
      </c>
      <c r="B27" s="420"/>
      <c r="C27" s="420"/>
      <c r="D27" s="420"/>
      <c r="E27" s="420"/>
      <c r="F27" s="420"/>
      <c r="G27" s="421"/>
      <c r="H27" s="419" t="s">
        <v>60</v>
      </c>
      <c r="I27" s="421"/>
    </row>
    <row r="28" spans="1:9" ht="31.5" customHeight="1">
      <c r="A28" s="471" t="s">
        <v>309</v>
      </c>
      <c r="B28" s="472"/>
      <c r="C28" s="472"/>
      <c r="D28" s="472"/>
      <c r="E28" s="472"/>
      <c r="F28" s="472"/>
      <c r="G28" s="473"/>
      <c r="H28" s="471" t="s">
        <v>310</v>
      </c>
      <c r="I28" s="473"/>
    </row>
    <row r="29" spans="1:9">
      <c r="A29" s="471" t="s">
        <v>314</v>
      </c>
      <c r="B29" s="472"/>
      <c r="C29" s="472"/>
      <c r="D29" s="472"/>
      <c r="E29" s="472"/>
      <c r="F29" s="472"/>
      <c r="G29" s="473"/>
      <c r="H29" s="471" t="s">
        <v>313</v>
      </c>
      <c r="I29" s="473"/>
    </row>
    <row r="30" spans="1:9" ht="28.9" customHeight="1">
      <c r="A30" s="457" t="s">
        <v>241</v>
      </c>
      <c r="B30" s="458"/>
      <c r="C30" s="458"/>
      <c r="D30" s="458"/>
      <c r="E30" s="458"/>
      <c r="F30" s="458"/>
      <c r="G30" s="459"/>
      <c r="H30" s="457" t="s">
        <v>61</v>
      </c>
      <c r="I30" s="459"/>
    </row>
    <row r="31" spans="1:9" ht="28.15" customHeight="1">
      <c r="A31" s="457" t="s">
        <v>128</v>
      </c>
      <c r="B31" s="458"/>
      <c r="C31" s="458"/>
      <c r="D31" s="458"/>
      <c r="E31" s="458"/>
      <c r="F31" s="458"/>
      <c r="G31" s="459"/>
      <c r="H31" s="457" t="s">
        <v>294</v>
      </c>
      <c r="I31" s="459"/>
    </row>
    <row r="32" spans="1:9" ht="28.9" customHeight="1">
      <c r="A32" s="457" t="s">
        <v>192</v>
      </c>
      <c r="B32" s="458"/>
      <c r="C32" s="458"/>
      <c r="D32" s="458"/>
      <c r="E32" s="458"/>
      <c r="F32" s="458"/>
      <c r="G32" s="459"/>
      <c r="H32" s="457" t="s">
        <v>193</v>
      </c>
      <c r="I32" s="459"/>
    </row>
    <row r="33" spans="1:9">
      <c r="A33" s="457" t="s">
        <v>64</v>
      </c>
      <c r="B33" s="458"/>
      <c r="C33" s="458"/>
      <c r="D33" s="458"/>
      <c r="E33" s="458"/>
      <c r="F33" s="458"/>
      <c r="G33" s="459"/>
      <c r="H33" s="457" t="s">
        <v>64</v>
      </c>
      <c r="I33" s="459"/>
    </row>
    <row r="34" spans="1:9">
      <c r="A34" s="457" t="s">
        <v>65</v>
      </c>
      <c r="B34" s="458"/>
      <c r="C34" s="458"/>
      <c r="D34" s="458"/>
      <c r="E34" s="458"/>
      <c r="F34" s="458"/>
      <c r="G34" s="459"/>
      <c r="H34" s="457" t="s">
        <v>66</v>
      </c>
      <c r="I34" s="459"/>
    </row>
    <row r="35" spans="1:9">
      <c r="A35" s="457" t="s">
        <v>67</v>
      </c>
      <c r="B35" s="458"/>
      <c r="C35" s="458"/>
      <c r="D35" s="458"/>
      <c r="E35" s="458"/>
      <c r="F35" s="458"/>
      <c r="G35" s="459"/>
      <c r="H35" s="457" t="s">
        <v>68</v>
      </c>
      <c r="I35" s="459"/>
    </row>
    <row r="36" spans="1:9">
      <c r="A36" s="457" t="s">
        <v>129</v>
      </c>
      <c r="B36" s="458"/>
      <c r="C36" s="458"/>
      <c r="D36" s="458"/>
      <c r="E36" s="458"/>
      <c r="F36" s="458"/>
      <c r="G36" s="459"/>
      <c r="H36" s="457" t="s">
        <v>69</v>
      </c>
      <c r="I36" s="459"/>
    </row>
    <row r="37" spans="1:9">
      <c r="A37" s="457" t="s">
        <v>70</v>
      </c>
      <c r="B37" s="458"/>
      <c r="C37" s="458"/>
      <c r="D37" s="458"/>
      <c r="E37" s="458"/>
      <c r="F37" s="458"/>
      <c r="G37" s="459"/>
      <c r="H37" s="457" t="s">
        <v>71</v>
      </c>
      <c r="I37" s="459"/>
    </row>
    <row r="38" spans="1:9" ht="30.75" customHeight="1">
      <c r="A38" s="471" t="s">
        <v>330</v>
      </c>
      <c r="B38" s="472"/>
      <c r="C38" s="472"/>
      <c r="D38" s="472"/>
      <c r="E38" s="472"/>
      <c r="F38" s="472"/>
      <c r="G38" s="473"/>
      <c r="H38" s="471" t="s">
        <v>329</v>
      </c>
      <c r="I38" s="473"/>
    </row>
    <row r="39" spans="1:9" ht="33.6" customHeight="1">
      <c r="A39" s="457" t="s">
        <v>295</v>
      </c>
      <c r="B39" s="458"/>
      <c r="C39" s="458"/>
      <c r="D39" s="458"/>
      <c r="E39" s="458"/>
      <c r="F39" s="458"/>
      <c r="G39" s="459"/>
      <c r="H39" s="457" t="s">
        <v>74</v>
      </c>
      <c r="I39" s="459"/>
    </row>
    <row r="40" spans="1:9">
      <c r="A40" s="457" t="s">
        <v>194</v>
      </c>
      <c r="B40" s="458"/>
      <c r="C40" s="458"/>
      <c r="D40" s="458"/>
      <c r="E40" s="458"/>
      <c r="F40" s="458"/>
      <c r="G40" s="459"/>
      <c r="H40" s="457" t="s">
        <v>195</v>
      </c>
      <c r="I40" s="459"/>
    </row>
    <row r="41" spans="1:9">
      <c r="A41" s="457" t="s">
        <v>72</v>
      </c>
      <c r="B41" s="458"/>
      <c r="C41" s="458"/>
      <c r="D41" s="458"/>
      <c r="E41" s="458"/>
      <c r="F41" s="458"/>
      <c r="G41" s="459"/>
      <c r="H41" s="457" t="s">
        <v>73</v>
      </c>
      <c r="I41" s="459"/>
    </row>
    <row r="42" spans="1:9">
      <c r="A42" s="457" t="s">
        <v>62</v>
      </c>
      <c r="B42" s="458"/>
      <c r="C42" s="458"/>
      <c r="D42" s="458"/>
      <c r="E42" s="458"/>
      <c r="F42" s="458"/>
      <c r="G42" s="459"/>
      <c r="H42" s="457" t="s">
        <v>63</v>
      </c>
      <c r="I42" s="459"/>
    </row>
    <row r="43" spans="1:9">
      <c r="A43" s="457" t="s">
        <v>296</v>
      </c>
      <c r="B43" s="458"/>
      <c r="C43" s="458"/>
      <c r="D43" s="458"/>
      <c r="E43" s="458"/>
      <c r="F43" s="458"/>
      <c r="G43" s="459"/>
      <c r="H43" s="457" t="s">
        <v>191</v>
      </c>
      <c r="I43" s="459"/>
    </row>
    <row r="44" spans="1:9">
      <c r="A44" s="457" t="s">
        <v>130</v>
      </c>
      <c r="B44" s="458"/>
      <c r="C44" s="458"/>
      <c r="D44" s="458"/>
      <c r="E44" s="458"/>
      <c r="F44" s="458"/>
      <c r="G44" s="459"/>
      <c r="H44" s="457" t="s">
        <v>75</v>
      </c>
      <c r="I44" s="459"/>
    </row>
    <row r="45" spans="1:9" ht="28.15" customHeight="1">
      <c r="A45" s="457" t="s">
        <v>134</v>
      </c>
      <c r="B45" s="458"/>
      <c r="C45" s="458"/>
      <c r="D45" s="458"/>
      <c r="E45" s="458"/>
      <c r="F45" s="458"/>
      <c r="G45" s="459"/>
      <c r="H45" s="457" t="s">
        <v>76</v>
      </c>
      <c r="I45" s="459"/>
    </row>
    <row r="46" spans="1:9">
      <c r="A46" s="457" t="s">
        <v>131</v>
      </c>
      <c r="B46" s="458"/>
      <c r="C46" s="458"/>
      <c r="D46" s="458"/>
      <c r="E46" s="458"/>
      <c r="F46" s="458"/>
      <c r="G46" s="459"/>
      <c r="H46" s="457" t="s">
        <v>77</v>
      </c>
      <c r="I46" s="459"/>
    </row>
    <row r="47" spans="1:9" ht="30.75" customHeight="1">
      <c r="A47" s="457" t="s">
        <v>316</v>
      </c>
      <c r="B47" s="458"/>
      <c r="C47" s="458"/>
      <c r="D47" s="458"/>
      <c r="E47" s="458"/>
      <c r="F47" s="458"/>
      <c r="G47" s="459"/>
      <c r="H47" s="457" t="s">
        <v>317</v>
      </c>
      <c r="I47" s="459"/>
    </row>
    <row r="48" spans="1:9" ht="18" customHeight="1">
      <c r="A48" s="484" t="s">
        <v>113</v>
      </c>
      <c r="B48" s="485"/>
      <c r="C48" s="485"/>
      <c r="D48" s="485"/>
      <c r="E48" s="485"/>
      <c r="F48" s="485"/>
      <c r="G48" s="486"/>
      <c r="H48" s="487" t="s">
        <v>114</v>
      </c>
      <c r="I48" s="486"/>
    </row>
    <row r="49" spans="1:9" ht="28.15" customHeight="1">
      <c r="A49" s="419" t="s">
        <v>298</v>
      </c>
      <c r="B49" s="420"/>
      <c r="C49" s="420"/>
      <c r="D49" s="420"/>
      <c r="E49" s="420"/>
      <c r="F49" s="420"/>
      <c r="G49" s="421"/>
      <c r="H49" s="419" t="s">
        <v>78</v>
      </c>
      <c r="I49" s="421"/>
    </row>
    <row r="50" spans="1:9" ht="28.9" customHeight="1">
      <c r="A50" s="419" t="s">
        <v>132</v>
      </c>
      <c r="B50" s="420"/>
      <c r="C50" s="420"/>
      <c r="D50" s="420"/>
      <c r="E50" s="420"/>
      <c r="F50" s="420"/>
      <c r="G50" s="421"/>
      <c r="H50" s="419" t="s">
        <v>79</v>
      </c>
      <c r="I50" s="421"/>
    </row>
    <row r="51" spans="1:9" ht="28.9" customHeight="1">
      <c r="A51" s="419" t="s">
        <v>133</v>
      </c>
      <c r="B51" s="420"/>
      <c r="C51" s="420"/>
      <c r="D51" s="420"/>
      <c r="E51" s="420"/>
      <c r="F51" s="420"/>
      <c r="G51" s="421"/>
      <c r="H51" s="419" t="s">
        <v>80</v>
      </c>
      <c r="I51" s="421"/>
    </row>
    <row r="52" spans="1:9">
      <c r="A52" s="419" t="s">
        <v>135</v>
      </c>
      <c r="B52" s="420"/>
      <c r="C52" s="420"/>
      <c r="D52" s="420"/>
      <c r="E52" s="420"/>
      <c r="F52" s="420"/>
      <c r="G52" s="421"/>
      <c r="H52" s="419" t="s">
        <v>81</v>
      </c>
      <c r="I52" s="421"/>
    </row>
    <row r="53" spans="1:9" ht="30" customHeight="1">
      <c r="A53" s="419" t="s">
        <v>297</v>
      </c>
      <c r="B53" s="420"/>
      <c r="C53" s="420"/>
      <c r="D53" s="420"/>
      <c r="E53" s="420"/>
      <c r="F53" s="420"/>
      <c r="G53" s="421"/>
      <c r="H53" s="419" t="s">
        <v>200</v>
      </c>
      <c r="I53" s="421"/>
    </row>
    <row r="54" spans="1:9" ht="28.15" customHeight="1">
      <c r="A54" s="419" t="s">
        <v>300</v>
      </c>
      <c r="B54" s="420"/>
      <c r="C54" s="420"/>
      <c r="D54" s="420"/>
      <c r="E54" s="420"/>
      <c r="F54" s="420"/>
      <c r="G54" s="421"/>
      <c r="H54" s="419" t="s">
        <v>301</v>
      </c>
      <c r="I54" s="421"/>
    </row>
    <row r="55" spans="1:9" ht="43.9" customHeight="1">
      <c r="A55" s="419" t="s">
        <v>299</v>
      </c>
      <c r="B55" s="420"/>
      <c r="C55" s="420"/>
      <c r="D55" s="420"/>
      <c r="E55" s="420"/>
      <c r="F55" s="420"/>
      <c r="G55" s="421"/>
      <c r="H55" s="419" t="s">
        <v>82</v>
      </c>
      <c r="I55" s="421"/>
    </row>
    <row r="56" spans="1:9" ht="30.75" customHeight="1">
      <c r="A56" s="457" t="s">
        <v>87</v>
      </c>
      <c r="B56" s="458"/>
      <c r="C56" s="458"/>
      <c r="D56" s="458"/>
      <c r="E56" s="458"/>
      <c r="F56" s="458"/>
      <c r="G56" s="459"/>
      <c r="H56" s="457" t="s">
        <v>86</v>
      </c>
      <c r="I56" s="459"/>
    </row>
    <row r="57" spans="1:9" ht="43.15" customHeight="1">
      <c r="A57" s="457" t="s">
        <v>198</v>
      </c>
      <c r="B57" s="458"/>
      <c r="C57" s="458"/>
      <c r="D57" s="458"/>
      <c r="E57" s="458"/>
      <c r="F57" s="458"/>
      <c r="G57" s="459"/>
      <c r="H57" s="457" t="s">
        <v>197</v>
      </c>
      <c r="I57" s="459"/>
    </row>
    <row r="58" spans="1:9" ht="43.15" customHeight="1">
      <c r="A58" s="457" t="s">
        <v>199</v>
      </c>
      <c r="B58" s="458"/>
      <c r="C58" s="458"/>
      <c r="D58" s="458"/>
      <c r="E58" s="458"/>
      <c r="F58" s="458"/>
      <c r="G58" s="459"/>
      <c r="H58" s="457" t="s">
        <v>196</v>
      </c>
      <c r="I58" s="459"/>
    </row>
    <row r="59" spans="1:9" ht="22.5" customHeight="1">
      <c r="A59" s="52" t="s">
        <v>325</v>
      </c>
    </row>
    <row r="60" spans="1:9">
      <c r="A60" s="460" t="s">
        <v>1</v>
      </c>
      <c r="B60" s="460"/>
      <c r="C60" s="460"/>
      <c r="D60" s="460"/>
    </row>
    <row r="61" spans="1:9" ht="12" customHeight="1">
      <c r="A61" s="406" t="s">
        <v>159</v>
      </c>
      <c r="B61" s="406"/>
      <c r="C61" s="406"/>
      <c r="D61" s="406"/>
      <c r="E61" s="406"/>
      <c r="F61" s="400" t="s">
        <v>158</v>
      </c>
      <c r="G61" s="400"/>
      <c r="H61" s="401"/>
      <c r="I61" s="416" t="s">
        <v>0</v>
      </c>
    </row>
    <row r="62" spans="1:9" ht="12" customHeight="1">
      <c r="A62" s="406"/>
      <c r="B62" s="406"/>
      <c r="C62" s="406"/>
      <c r="D62" s="406"/>
      <c r="E62" s="406"/>
      <c r="F62" s="402"/>
      <c r="G62" s="402"/>
      <c r="H62" s="403"/>
      <c r="I62" s="417"/>
    </row>
    <row r="63" spans="1:9" ht="12" customHeight="1">
      <c r="A63" s="406"/>
      <c r="B63" s="406"/>
      <c r="C63" s="406"/>
      <c r="D63" s="406"/>
      <c r="E63" s="406"/>
      <c r="F63" s="404"/>
      <c r="G63" s="404"/>
      <c r="H63" s="405"/>
      <c r="I63" s="418"/>
    </row>
    <row r="64" spans="1:9" ht="18" customHeight="1">
      <c r="A64" s="455" t="s">
        <v>2</v>
      </c>
      <c r="B64" s="456"/>
      <c r="C64" s="456"/>
      <c r="D64" s="456"/>
      <c r="E64" s="131"/>
      <c r="F64" s="132"/>
      <c r="G64" s="132"/>
      <c r="H64" s="248"/>
      <c r="I64" s="249"/>
    </row>
    <row r="65" spans="1:9" ht="18" customHeight="1">
      <c r="A65" s="367" t="s">
        <v>187</v>
      </c>
      <c r="B65" s="368"/>
      <c r="C65" s="368"/>
      <c r="D65" s="368"/>
      <c r="E65" s="250"/>
      <c r="F65" s="132"/>
      <c r="G65" s="132"/>
      <c r="H65" s="251"/>
      <c r="I65" s="249"/>
    </row>
    <row r="66" spans="1:9" ht="14.45" customHeight="1">
      <c r="A66" s="378" t="s">
        <v>3</v>
      </c>
      <c r="B66" s="379"/>
      <c r="C66" s="379"/>
      <c r="D66" s="379"/>
      <c r="E66" s="380"/>
      <c r="F66" s="369"/>
      <c r="G66" s="370"/>
      <c r="H66" s="371"/>
      <c r="I66" s="510" t="s">
        <v>285</v>
      </c>
    </row>
    <row r="67" spans="1:9">
      <c r="A67" s="381"/>
      <c r="B67" s="382"/>
      <c r="C67" s="382"/>
      <c r="D67" s="382"/>
      <c r="E67" s="383"/>
      <c r="F67" s="372"/>
      <c r="G67" s="373"/>
      <c r="H67" s="374"/>
      <c r="I67" s="510"/>
    </row>
    <row r="68" spans="1:9">
      <c r="A68" s="384"/>
      <c r="B68" s="385"/>
      <c r="C68" s="385"/>
      <c r="D68" s="385"/>
      <c r="E68" s="386"/>
      <c r="F68" s="375"/>
      <c r="G68" s="376"/>
      <c r="H68" s="377"/>
      <c r="I68" s="510"/>
    </row>
    <row r="69" spans="1:9" ht="18" customHeight="1">
      <c r="A69" s="387" t="s">
        <v>243</v>
      </c>
      <c r="B69" s="388"/>
      <c r="C69" s="388"/>
      <c r="D69" s="388"/>
      <c r="E69" s="252"/>
      <c r="F69" s="138"/>
      <c r="G69" s="138"/>
      <c r="H69" s="253"/>
      <c r="I69" s="254"/>
    </row>
    <row r="70" spans="1:9" ht="14.45" customHeight="1">
      <c r="A70" s="378" t="s">
        <v>137</v>
      </c>
      <c r="B70" s="379"/>
      <c r="C70" s="379"/>
      <c r="D70" s="379"/>
      <c r="E70" s="380"/>
      <c r="F70" s="369"/>
      <c r="G70" s="370"/>
      <c r="H70" s="371"/>
      <c r="I70" s="474" t="s">
        <v>136</v>
      </c>
    </row>
    <row r="71" spans="1:9">
      <c r="A71" s="381"/>
      <c r="B71" s="382"/>
      <c r="C71" s="382"/>
      <c r="D71" s="382"/>
      <c r="E71" s="383"/>
      <c r="F71" s="372"/>
      <c r="G71" s="373"/>
      <c r="H71" s="374"/>
      <c r="I71" s="475"/>
    </row>
    <row r="72" spans="1:9">
      <c r="A72" s="384"/>
      <c r="B72" s="385"/>
      <c r="C72" s="385"/>
      <c r="D72" s="385"/>
      <c r="E72" s="386"/>
      <c r="F72" s="375"/>
      <c r="G72" s="376"/>
      <c r="H72" s="377"/>
      <c r="I72" s="476"/>
    </row>
    <row r="73" spans="1:9" ht="18" customHeight="1">
      <c r="A73" s="389" t="s">
        <v>244</v>
      </c>
      <c r="B73" s="390"/>
      <c r="C73" s="390"/>
      <c r="D73" s="390"/>
      <c r="E73" s="236"/>
      <c r="F73" s="138"/>
      <c r="G73" s="132"/>
      <c r="H73" s="253"/>
      <c r="I73" s="254"/>
    </row>
    <row r="74" spans="1:9" ht="14.45" customHeight="1">
      <c r="A74" s="378" t="s">
        <v>138</v>
      </c>
      <c r="B74" s="379"/>
      <c r="C74" s="379"/>
      <c r="D74" s="379"/>
      <c r="E74" s="380"/>
      <c r="F74" s="369"/>
      <c r="G74" s="370"/>
      <c r="H74" s="371"/>
      <c r="I74" s="474" t="s">
        <v>83</v>
      </c>
    </row>
    <row r="75" spans="1:9">
      <c r="A75" s="381"/>
      <c r="B75" s="382"/>
      <c r="C75" s="382"/>
      <c r="D75" s="382"/>
      <c r="E75" s="383"/>
      <c r="F75" s="372"/>
      <c r="G75" s="373"/>
      <c r="H75" s="374"/>
      <c r="I75" s="475"/>
    </row>
    <row r="76" spans="1:9">
      <c r="A76" s="384"/>
      <c r="B76" s="385"/>
      <c r="C76" s="385"/>
      <c r="D76" s="385"/>
      <c r="E76" s="386"/>
      <c r="F76" s="375"/>
      <c r="G76" s="376"/>
      <c r="H76" s="377"/>
      <c r="I76" s="475"/>
    </row>
    <row r="77" spans="1:9" ht="14.45" customHeight="1">
      <c r="A77" s="378" t="s">
        <v>457</v>
      </c>
      <c r="B77" s="379"/>
      <c r="C77" s="379"/>
      <c r="D77" s="379"/>
      <c r="E77" s="380"/>
      <c r="F77" s="369"/>
      <c r="G77" s="370"/>
      <c r="H77" s="371"/>
      <c r="I77" s="475"/>
    </row>
    <row r="78" spans="1:9" ht="14.45" customHeight="1">
      <c r="A78" s="381"/>
      <c r="B78" s="382"/>
      <c r="C78" s="382"/>
      <c r="D78" s="382"/>
      <c r="E78" s="383"/>
      <c r="F78" s="372"/>
      <c r="G78" s="373"/>
      <c r="H78" s="374"/>
      <c r="I78" s="475"/>
    </row>
    <row r="79" spans="1:9" ht="14.45" customHeight="1">
      <c r="A79" s="381"/>
      <c r="B79" s="382"/>
      <c r="C79" s="382"/>
      <c r="D79" s="382"/>
      <c r="E79" s="383"/>
      <c r="F79" s="372"/>
      <c r="G79" s="373"/>
      <c r="H79" s="374"/>
      <c r="I79" s="475"/>
    </row>
    <row r="80" spans="1:9" ht="14.45" customHeight="1">
      <c r="A80" s="378" t="s">
        <v>186</v>
      </c>
      <c r="B80" s="379"/>
      <c r="C80" s="379"/>
      <c r="D80" s="379"/>
      <c r="E80" s="380"/>
      <c r="F80" s="369"/>
      <c r="G80" s="370"/>
      <c r="H80" s="371"/>
      <c r="I80" s="475"/>
    </row>
    <row r="81" spans="1:9">
      <c r="A81" s="381"/>
      <c r="B81" s="382"/>
      <c r="C81" s="382"/>
      <c r="D81" s="382"/>
      <c r="E81" s="383"/>
      <c r="F81" s="372"/>
      <c r="G81" s="373"/>
      <c r="H81" s="374"/>
      <c r="I81" s="475"/>
    </row>
    <row r="82" spans="1:9">
      <c r="A82" s="384"/>
      <c r="B82" s="385"/>
      <c r="C82" s="385"/>
      <c r="D82" s="385"/>
      <c r="E82" s="386"/>
      <c r="F82" s="375"/>
      <c r="G82" s="376"/>
      <c r="H82" s="377"/>
      <c r="I82" s="476"/>
    </row>
    <row r="83" spans="1:9" ht="18" customHeight="1">
      <c r="A83" s="387" t="s">
        <v>4</v>
      </c>
      <c r="B83" s="388"/>
      <c r="C83" s="388"/>
      <c r="D83" s="388"/>
      <c r="E83" s="147"/>
      <c r="F83" s="142"/>
      <c r="G83" s="142"/>
      <c r="H83" s="255"/>
      <c r="I83" s="256"/>
    </row>
    <row r="84" spans="1:9" ht="18" customHeight="1">
      <c r="A84" s="367" t="s">
        <v>139</v>
      </c>
      <c r="B84" s="368"/>
      <c r="C84" s="368"/>
      <c r="D84" s="368"/>
      <c r="E84" s="131"/>
      <c r="F84" s="135"/>
      <c r="G84" s="132"/>
      <c r="H84" s="257"/>
      <c r="I84" s="258"/>
    </row>
    <row r="85" spans="1:9" ht="14.45" customHeight="1">
      <c r="A85" s="378" t="s">
        <v>140</v>
      </c>
      <c r="B85" s="379"/>
      <c r="C85" s="379"/>
      <c r="D85" s="379"/>
      <c r="E85" s="380"/>
      <c r="F85" s="369"/>
      <c r="G85" s="370"/>
      <c r="H85" s="371"/>
      <c r="I85" s="475" t="s">
        <v>266</v>
      </c>
    </row>
    <row r="86" spans="1:9">
      <c r="A86" s="381"/>
      <c r="B86" s="382"/>
      <c r="C86" s="382"/>
      <c r="D86" s="382"/>
      <c r="E86" s="383"/>
      <c r="F86" s="372"/>
      <c r="G86" s="373"/>
      <c r="H86" s="374"/>
      <c r="I86" s="475"/>
    </row>
    <row r="87" spans="1:9">
      <c r="A87" s="384"/>
      <c r="B87" s="385"/>
      <c r="C87" s="385"/>
      <c r="D87" s="385"/>
      <c r="E87" s="386"/>
      <c r="F87" s="375"/>
      <c r="G87" s="376"/>
      <c r="H87" s="377"/>
      <c r="I87" s="476"/>
    </row>
    <row r="88" spans="1:9" ht="18" customHeight="1">
      <c r="A88" s="389" t="s">
        <v>141</v>
      </c>
      <c r="B88" s="390"/>
      <c r="C88" s="390"/>
      <c r="D88" s="390"/>
      <c r="E88" s="131"/>
      <c r="F88" s="138"/>
      <c r="G88" s="132"/>
      <c r="H88" s="259"/>
      <c r="I88" s="260"/>
    </row>
    <row r="89" spans="1:9" ht="14.45" customHeight="1">
      <c r="A89" s="378" t="s">
        <v>143</v>
      </c>
      <c r="B89" s="379"/>
      <c r="C89" s="379"/>
      <c r="D89" s="379"/>
      <c r="E89" s="380"/>
      <c r="F89" s="369"/>
      <c r="G89" s="370"/>
      <c r="H89" s="371"/>
      <c r="I89" s="474" t="s">
        <v>142</v>
      </c>
    </row>
    <row r="90" spans="1:9">
      <c r="A90" s="381"/>
      <c r="B90" s="382"/>
      <c r="C90" s="382"/>
      <c r="D90" s="382"/>
      <c r="E90" s="383"/>
      <c r="F90" s="372"/>
      <c r="G90" s="373"/>
      <c r="H90" s="374"/>
      <c r="I90" s="475"/>
    </row>
    <row r="91" spans="1:9">
      <c r="A91" s="384"/>
      <c r="B91" s="385"/>
      <c r="C91" s="385"/>
      <c r="D91" s="385"/>
      <c r="E91" s="386"/>
      <c r="F91" s="375"/>
      <c r="G91" s="376"/>
      <c r="H91" s="377"/>
      <c r="I91" s="476"/>
    </row>
    <row r="92" spans="1:9" ht="12" customHeight="1">
      <c r="A92" s="406" t="s">
        <v>159</v>
      </c>
      <c r="B92" s="406"/>
      <c r="C92" s="406"/>
      <c r="D92" s="406"/>
      <c r="E92" s="406"/>
      <c r="F92" s="400" t="s">
        <v>158</v>
      </c>
      <c r="G92" s="400"/>
      <c r="H92" s="401"/>
      <c r="I92" s="416" t="s">
        <v>0</v>
      </c>
    </row>
    <row r="93" spans="1:9" ht="12" customHeight="1">
      <c r="A93" s="406"/>
      <c r="B93" s="406"/>
      <c r="C93" s="406"/>
      <c r="D93" s="406"/>
      <c r="E93" s="406"/>
      <c r="F93" s="402"/>
      <c r="G93" s="402"/>
      <c r="H93" s="403"/>
      <c r="I93" s="417"/>
    </row>
    <row r="94" spans="1:9" ht="12" customHeight="1">
      <c r="A94" s="406"/>
      <c r="B94" s="406"/>
      <c r="C94" s="406"/>
      <c r="D94" s="406"/>
      <c r="E94" s="406"/>
      <c r="F94" s="404"/>
      <c r="G94" s="404"/>
      <c r="H94" s="405"/>
      <c r="I94" s="418"/>
    </row>
    <row r="95" spans="1:9" ht="18" customHeight="1">
      <c r="A95" s="389" t="s">
        <v>144</v>
      </c>
      <c r="B95" s="390"/>
      <c r="C95" s="390"/>
      <c r="D95" s="390"/>
      <c r="E95" s="147"/>
      <c r="F95" s="138"/>
      <c r="G95" s="132"/>
      <c r="H95" s="259"/>
      <c r="I95" s="261"/>
    </row>
    <row r="96" spans="1:9" ht="14.45" customHeight="1">
      <c r="A96" s="391" t="s">
        <v>5</v>
      </c>
      <c r="B96" s="422"/>
      <c r="C96" s="422"/>
      <c r="D96" s="422"/>
      <c r="E96" s="423"/>
      <c r="F96" s="407"/>
      <c r="G96" s="408"/>
      <c r="H96" s="409"/>
      <c r="I96" s="438" t="s">
        <v>311</v>
      </c>
    </row>
    <row r="97" spans="1:9">
      <c r="A97" s="424"/>
      <c r="B97" s="425"/>
      <c r="C97" s="425"/>
      <c r="D97" s="425"/>
      <c r="E97" s="426"/>
      <c r="F97" s="410"/>
      <c r="G97" s="411"/>
      <c r="H97" s="412"/>
      <c r="I97" s="439"/>
    </row>
    <row r="98" spans="1:9">
      <c r="A98" s="427"/>
      <c r="B98" s="428"/>
      <c r="C98" s="428"/>
      <c r="D98" s="428"/>
      <c r="E98" s="429"/>
      <c r="F98" s="413"/>
      <c r="G98" s="414"/>
      <c r="H98" s="415"/>
      <c r="I98" s="439"/>
    </row>
    <row r="99" spans="1:9" ht="14.45" customHeight="1">
      <c r="A99" s="391" t="s">
        <v>6</v>
      </c>
      <c r="B99" s="422"/>
      <c r="C99" s="422"/>
      <c r="D99" s="422"/>
      <c r="E99" s="423"/>
      <c r="F99" s="407"/>
      <c r="G99" s="408"/>
      <c r="H99" s="409"/>
      <c r="I99" s="438" t="s">
        <v>312</v>
      </c>
    </row>
    <row r="100" spans="1:9">
      <c r="A100" s="424"/>
      <c r="B100" s="425"/>
      <c r="C100" s="425"/>
      <c r="D100" s="425"/>
      <c r="E100" s="426"/>
      <c r="F100" s="410"/>
      <c r="G100" s="411"/>
      <c r="H100" s="412"/>
      <c r="I100" s="439"/>
    </row>
    <row r="101" spans="1:9">
      <c r="A101" s="427"/>
      <c r="B101" s="428"/>
      <c r="C101" s="428"/>
      <c r="D101" s="428"/>
      <c r="E101" s="429"/>
      <c r="F101" s="413"/>
      <c r="G101" s="414"/>
      <c r="H101" s="415"/>
      <c r="I101" s="440"/>
    </row>
    <row r="102" spans="1:9" ht="14.45" customHeight="1">
      <c r="A102" s="378" t="s">
        <v>145</v>
      </c>
      <c r="B102" s="379"/>
      <c r="C102" s="379"/>
      <c r="D102" s="379"/>
      <c r="E102" s="379"/>
      <c r="F102" s="369"/>
      <c r="G102" s="370"/>
      <c r="H102" s="371"/>
      <c r="I102" s="482" t="s">
        <v>146</v>
      </c>
    </row>
    <row r="103" spans="1:9">
      <c r="A103" s="381"/>
      <c r="B103" s="382"/>
      <c r="C103" s="382"/>
      <c r="D103" s="382"/>
      <c r="E103" s="382"/>
      <c r="F103" s="372"/>
      <c r="G103" s="373"/>
      <c r="H103" s="374"/>
      <c r="I103" s="477"/>
    </row>
    <row r="104" spans="1:9">
      <c r="A104" s="384"/>
      <c r="B104" s="385"/>
      <c r="C104" s="385"/>
      <c r="D104" s="385"/>
      <c r="E104" s="385"/>
      <c r="F104" s="375"/>
      <c r="G104" s="376"/>
      <c r="H104" s="377"/>
      <c r="I104" s="478"/>
    </row>
    <row r="105" spans="1:9" ht="18" customHeight="1">
      <c r="A105" s="387" t="s">
        <v>238</v>
      </c>
      <c r="B105" s="388"/>
      <c r="C105" s="388"/>
      <c r="D105" s="388"/>
      <c r="E105" s="147"/>
      <c r="F105" s="142"/>
      <c r="G105" s="142"/>
      <c r="H105" s="253"/>
      <c r="I105" s="260"/>
    </row>
    <row r="106" spans="1:9" ht="14.45" customHeight="1">
      <c r="A106" s="378" t="s">
        <v>147</v>
      </c>
      <c r="B106" s="379"/>
      <c r="C106" s="379"/>
      <c r="D106" s="379"/>
      <c r="E106" s="380"/>
      <c r="F106" s="369"/>
      <c r="G106" s="370"/>
      <c r="H106" s="371"/>
      <c r="I106" s="511" t="s">
        <v>484</v>
      </c>
    </row>
    <row r="107" spans="1:9">
      <c r="A107" s="381"/>
      <c r="B107" s="382"/>
      <c r="C107" s="382"/>
      <c r="D107" s="382"/>
      <c r="E107" s="383"/>
      <c r="F107" s="372"/>
      <c r="G107" s="373"/>
      <c r="H107" s="374"/>
      <c r="I107" s="512"/>
    </row>
    <row r="108" spans="1:9">
      <c r="A108" s="384"/>
      <c r="B108" s="385"/>
      <c r="C108" s="385"/>
      <c r="D108" s="385"/>
      <c r="E108" s="386"/>
      <c r="F108" s="375"/>
      <c r="G108" s="376"/>
      <c r="H108" s="377"/>
      <c r="I108" s="512"/>
    </row>
    <row r="109" spans="1:9" ht="14.45" customHeight="1">
      <c r="A109" s="378" t="s">
        <v>276</v>
      </c>
      <c r="B109" s="379"/>
      <c r="C109" s="379"/>
      <c r="D109" s="379"/>
      <c r="E109" s="380"/>
      <c r="F109" s="369"/>
      <c r="G109" s="370"/>
      <c r="H109" s="371"/>
      <c r="I109" s="512"/>
    </row>
    <row r="110" spans="1:9">
      <c r="A110" s="381"/>
      <c r="B110" s="382"/>
      <c r="C110" s="382"/>
      <c r="D110" s="382"/>
      <c r="E110" s="383"/>
      <c r="F110" s="372"/>
      <c r="G110" s="373"/>
      <c r="H110" s="374"/>
      <c r="I110" s="512"/>
    </row>
    <row r="111" spans="1:9">
      <c r="A111" s="384"/>
      <c r="B111" s="385"/>
      <c r="C111" s="385"/>
      <c r="D111" s="385"/>
      <c r="E111" s="386"/>
      <c r="F111" s="375"/>
      <c r="G111" s="376"/>
      <c r="H111" s="377"/>
      <c r="I111" s="512"/>
    </row>
    <row r="112" spans="1:9" ht="14.45" customHeight="1">
      <c r="A112" s="378" t="s">
        <v>268</v>
      </c>
      <c r="B112" s="379"/>
      <c r="C112" s="379"/>
      <c r="D112" s="379"/>
      <c r="E112" s="379"/>
      <c r="F112" s="454"/>
      <c r="G112" s="454"/>
      <c r="H112" s="454"/>
      <c r="I112" s="512"/>
    </row>
    <row r="113" spans="1:9">
      <c r="A113" s="381"/>
      <c r="B113" s="382"/>
      <c r="C113" s="382"/>
      <c r="D113" s="382"/>
      <c r="E113" s="382"/>
      <c r="F113" s="454"/>
      <c r="G113" s="454"/>
      <c r="H113" s="454"/>
      <c r="I113" s="512"/>
    </row>
    <row r="114" spans="1:9">
      <c r="A114" s="384"/>
      <c r="B114" s="385"/>
      <c r="C114" s="385"/>
      <c r="D114" s="385"/>
      <c r="E114" s="385"/>
      <c r="F114" s="454"/>
      <c r="G114" s="454"/>
      <c r="H114" s="454"/>
      <c r="I114" s="512"/>
    </row>
    <row r="115" spans="1:9" ht="14.45" customHeight="1">
      <c r="A115" s="378" t="s">
        <v>277</v>
      </c>
      <c r="B115" s="379"/>
      <c r="C115" s="379"/>
      <c r="D115" s="379"/>
      <c r="E115" s="379"/>
      <c r="F115" s="369"/>
      <c r="G115" s="370"/>
      <c r="H115" s="371"/>
      <c r="I115" s="512"/>
    </row>
    <row r="116" spans="1:9">
      <c r="A116" s="381"/>
      <c r="B116" s="382"/>
      <c r="C116" s="382"/>
      <c r="D116" s="382"/>
      <c r="E116" s="382"/>
      <c r="F116" s="372"/>
      <c r="G116" s="373"/>
      <c r="H116" s="374"/>
      <c r="I116" s="512"/>
    </row>
    <row r="117" spans="1:9">
      <c r="A117" s="381"/>
      <c r="B117" s="382"/>
      <c r="C117" s="382"/>
      <c r="D117" s="382"/>
      <c r="E117" s="382"/>
      <c r="F117" s="372"/>
      <c r="G117" s="373"/>
      <c r="H117" s="374"/>
      <c r="I117" s="512"/>
    </row>
    <row r="118" spans="1:9">
      <c r="A118" s="384"/>
      <c r="B118" s="385"/>
      <c r="C118" s="385"/>
      <c r="D118" s="385"/>
      <c r="E118" s="385"/>
      <c r="F118" s="375"/>
      <c r="G118" s="376"/>
      <c r="H118" s="377"/>
      <c r="I118" s="513"/>
    </row>
    <row r="119" spans="1:9" ht="18" customHeight="1">
      <c r="A119" s="441" t="s">
        <v>302</v>
      </c>
      <c r="B119" s="442"/>
      <c r="C119" s="442"/>
      <c r="D119" s="442"/>
      <c r="E119" s="147"/>
      <c r="F119" s="138"/>
      <c r="G119" s="142"/>
      <c r="H119" s="253"/>
      <c r="I119" s="260"/>
    </row>
    <row r="120" spans="1:9" ht="14.45" customHeight="1">
      <c r="A120" s="391" t="s">
        <v>303</v>
      </c>
      <c r="B120" s="422"/>
      <c r="C120" s="422"/>
      <c r="D120" s="422"/>
      <c r="E120" s="423"/>
      <c r="F120" s="443"/>
      <c r="G120" s="444"/>
      <c r="H120" s="445"/>
      <c r="I120" s="479" t="s">
        <v>289</v>
      </c>
    </row>
    <row r="121" spans="1:9">
      <c r="A121" s="424"/>
      <c r="B121" s="425"/>
      <c r="C121" s="425"/>
      <c r="D121" s="425"/>
      <c r="E121" s="426"/>
      <c r="F121" s="446"/>
      <c r="G121" s="447"/>
      <c r="H121" s="448"/>
      <c r="I121" s="480"/>
    </row>
    <row r="122" spans="1:9">
      <c r="A122" s="427"/>
      <c r="B122" s="428"/>
      <c r="C122" s="428"/>
      <c r="D122" s="428"/>
      <c r="E122" s="429"/>
      <c r="F122" s="449"/>
      <c r="G122" s="450"/>
      <c r="H122" s="451"/>
      <c r="I122" s="481"/>
    </row>
    <row r="123" spans="1:9" ht="18" customHeight="1">
      <c r="A123" s="387" t="s">
        <v>9</v>
      </c>
      <c r="B123" s="388"/>
      <c r="C123" s="388"/>
      <c r="D123" s="388"/>
      <c r="E123" s="147"/>
      <c r="F123" s="142"/>
      <c r="G123" s="142"/>
      <c r="H123" s="255"/>
      <c r="I123" s="260"/>
    </row>
    <row r="124" spans="1:9" ht="18" customHeight="1">
      <c r="A124" s="452" t="s">
        <v>10</v>
      </c>
      <c r="B124" s="453"/>
      <c r="C124" s="453"/>
      <c r="D124" s="453"/>
      <c r="E124" s="131"/>
      <c r="F124" s="135"/>
      <c r="G124" s="132"/>
      <c r="H124" s="251"/>
      <c r="I124" s="261"/>
    </row>
    <row r="125" spans="1:9" ht="14.45" customHeight="1">
      <c r="A125" s="378" t="s">
        <v>11</v>
      </c>
      <c r="B125" s="379"/>
      <c r="C125" s="379"/>
      <c r="D125" s="379"/>
      <c r="E125" s="380"/>
      <c r="F125" s="369"/>
      <c r="G125" s="370"/>
      <c r="H125" s="371"/>
      <c r="I125" s="474" t="s">
        <v>88</v>
      </c>
    </row>
    <row r="126" spans="1:9">
      <c r="A126" s="381"/>
      <c r="B126" s="382"/>
      <c r="C126" s="382"/>
      <c r="D126" s="382"/>
      <c r="E126" s="383"/>
      <c r="F126" s="372"/>
      <c r="G126" s="373"/>
      <c r="H126" s="374"/>
      <c r="I126" s="475"/>
    </row>
    <row r="127" spans="1:9">
      <c r="A127" s="384"/>
      <c r="B127" s="385"/>
      <c r="C127" s="385"/>
      <c r="D127" s="385"/>
      <c r="E127" s="386"/>
      <c r="F127" s="375"/>
      <c r="G127" s="376"/>
      <c r="H127" s="377"/>
      <c r="I127" s="476"/>
    </row>
    <row r="128" spans="1:9" ht="18" customHeight="1">
      <c r="A128" s="389" t="s">
        <v>12</v>
      </c>
      <c r="B128" s="390"/>
      <c r="C128" s="390"/>
      <c r="D128" s="390"/>
      <c r="E128" s="147"/>
      <c r="F128" s="138"/>
      <c r="G128" s="142"/>
      <c r="H128" s="253"/>
      <c r="I128" s="260"/>
    </row>
    <row r="129" spans="1:9" ht="14.45" customHeight="1">
      <c r="A129" s="378" t="s">
        <v>13</v>
      </c>
      <c r="B129" s="379"/>
      <c r="C129" s="379"/>
      <c r="D129" s="379"/>
      <c r="E129" s="380"/>
      <c r="F129" s="369"/>
      <c r="G129" s="370"/>
      <c r="H129" s="371"/>
      <c r="I129" s="474" t="s">
        <v>148</v>
      </c>
    </row>
    <row r="130" spans="1:9">
      <c r="A130" s="381"/>
      <c r="B130" s="382"/>
      <c r="C130" s="382"/>
      <c r="D130" s="382"/>
      <c r="E130" s="383"/>
      <c r="F130" s="372"/>
      <c r="G130" s="373"/>
      <c r="H130" s="374"/>
      <c r="I130" s="475"/>
    </row>
    <row r="131" spans="1:9">
      <c r="A131" s="384"/>
      <c r="B131" s="385"/>
      <c r="C131" s="385"/>
      <c r="D131" s="385"/>
      <c r="E131" s="386"/>
      <c r="F131" s="375"/>
      <c r="G131" s="376"/>
      <c r="H131" s="377"/>
      <c r="I131" s="476"/>
    </row>
    <row r="132" spans="1:9" ht="18" customHeight="1">
      <c r="A132" s="389" t="s">
        <v>14</v>
      </c>
      <c r="B132" s="390"/>
      <c r="C132" s="390"/>
      <c r="D132" s="390"/>
      <c r="E132" s="141"/>
      <c r="F132" s="138"/>
      <c r="G132" s="142"/>
      <c r="H132" s="253"/>
      <c r="I132" s="260"/>
    </row>
    <row r="133" spans="1:9" ht="14.45" customHeight="1">
      <c r="A133" s="378" t="s">
        <v>493</v>
      </c>
      <c r="B133" s="430"/>
      <c r="C133" s="430"/>
      <c r="D133" s="430"/>
      <c r="E133" s="431"/>
      <c r="F133" s="803" t="s">
        <v>30</v>
      </c>
      <c r="G133" s="263"/>
      <c r="H133" s="264"/>
      <c r="I133" s="482" t="s">
        <v>304</v>
      </c>
    </row>
    <row r="134" spans="1:9" ht="14.45" customHeight="1">
      <c r="A134" s="432"/>
      <c r="B134" s="433"/>
      <c r="C134" s="433"/>
      <c r="D134" s="433"/>
      <c r="E134" s="434"/>
      <c r="F134" s="262" t="s">
        <v>8</v>
      </c>
      <c r="G134" s="53"/>
      <c r="H134" s="265"/>
      <c r="I134" s="477"/>
    </row>
    <row r="135" spans="1:9">
      <c r="A135" s="432"/>
      <c r="B135" s="433"/>
      <c r="C135" s="433"/>
      <c r="D135" s="433"/>
      <c r="E135" s="434"/>
      <c r="F135" s="262" t="s">
        <v>30</v>
      </c>
      <c r="G135" s="53"/>
      <c r="H135" s="265"/>
      <c r="I135" s="477"/>
    </row>
    <row r="136" spans="1:9">
      <c r="A136" s="432"/>
      <c r="B136" s="433"/>
      <c r="C136" s="433"/>
      <c r="D136" s="433"/>
      <c r="E136" s="434"/>
      <c r="F136" s="262" t="s">
        <v>8</v>
      </c>
      <c r="G136" s="354"/>
      <c r="H136" s="265"/>
      <c r="I136" s="477"/>
    </row>
    <row r="137" spans="1:9" ht="25.5" customHeight="1">
      <c r="A137" s="435"/>
      <c r="B137" s="436"/>
      <c r="C137" s="436"/>
      <c r="D137" s="436"/>
      <c r="E137" s="437"/>
      <c r="F137" s="262"/>
      <c r="G137" s="354"/>
      <c r="H137" s="265"/>
      <c r="I137" s="477"/>
    </row>
    <row r="138" spans="1:9" ht="14.45" customHeight="1">
      <c r="A138" s="378" t="s">
        <v>269</v>
      </c>
      <c r="B138" s="379"/>
      <c r="C138" s="379"/>
      <c r="D138" s="379"/>
      <c r="E138" s="380"/>
      <c r="F138" s="350"/>
      <c r="G138" s="351"/>
      <c r="H138" s="352"/>
      <c r="I138" s="477"/>
    </row>
    <row r="139" spans="1:9">
      <c r="A139" s="381"/>
      <c r="B139" s="382"/>
      <c r="C139" s="382"/>
      <c r="D139" s="382"/>
      <c r="E139" s="383"/>
      <c r="F139" s="353"/>
      <c r="G139" s="354"/>
      <c r="H139" s="355"/>
      <c r="I139" s="477"/>
    </row>
    <row r="140" spans="1:9">
      <c r="A140" s="384"/>
      <c r="B140" s="385"/>
      <c r="C140" s="385"/>
      <c r="D140" s="385"/>
      <c r="E140" s="386"/>
      <c r="F140" s="356"/>
      <c r="G140" s="349"/>
      <c r="H140" s="357"/>
      <c r="I140" s="478"/>
    </row>
    <row r="141" spans="1:9" ht="14.45" customHeight="1">
      <c r="A141" s="406" t="s">
        <v>159</v>
      </c>
      <c r="B141" s="406"/>
      <c r="C141" s="406"/>
      <c r="D141" s="406"/>
      <c r="E141" s="406"/>
      <c r="F141" s="400" t="s">
        <v>158</v>
      </c>
      <c r="G141" s="400"/>
      <c r="H141" s="401"/>
      <c r="I141" s="416" t="s">
        <v>0</v>
      </c>
    </row>
    <row r="142" spans="1:9">
      <c r="A142" s="406"/>
      <c r="B142" s="406"/>
      <c r="C142" s="406"/>
      <c r="D142" s="406"/>
      <c r="E142" s="406"/>
      <c r="F142" s="402"/>
      <c r="G142" s="402"/>
      <c r="H142" s="403"/>
      <c r="I142" s="417"/>
    </row>
    <row r="143" spans="1:9">
      <c r="A143" s="406"/>
      <c r="B143" s="406"/>
      <c r="C143" s="406"/>
      <c r="D143" s="406"/>
      <c r="E143" s="406"/>
      <c r="F143" s="404"/>
      <c r="G143" s="404"/>
      <c r="H143" s="405"/>
      <c r="I143" s="418"/>
    </row>
    <row r="144" spans="1:9" ht="14.45" customHeight="1">
      <c r="A144" s="378" t="s">
        <v>149</v>
      </c>
      <c r="B144" s="379"/>
      <c r="C144" s="379"/>
      <c r="D144" s="379"/>
      <c r="E144" s="380"/>
      <c r="F144" s="266"/>
      <c r="G144" s="267"/>
      <c r="H144" s="268"/>
      <c r="I144" s="482" t="s">
        <v>304</v>
      </c>
    </row>
    <row r="145" spans="1:9">
      <c r="A145" s="381"/>
      <c r="B145" s="382"/>
      <c r="C145" s="382"/>
      <c r="D145" s="382"/>
      <c r="E145" s="383"/>
      <c r="F145" s="269"/>
      <c r="G145" s="58"/>
      <c r="H145" s="270"/>
      <c r="I145" s="477"/>
    </row>
    <row r="146" spans="1:9">
      <c r="A146" s="384"/>
      <c r="B146" s="385"/>
      <c r="C146" s="385"/>
      <c r="D146" s="385"/>
      <c r="E146" s="386"/>
      <c r="F146" s="271"/>
      <c r="G146" s="83"/>
      <c r="H146" s="272"/>
      <c r="I146" s="477"/>
    </row>
    <row r="147" spans="1:9" ht="14.45" customHeight="1">
      <c r="A147" s="378" t="s">
        <v>150</v>
      </c>
      <c r="B147" s="379"/>
      <c r="C147" s="379"/>
      <c r="D147" s="379"/>
      <c r="E147" s="380"/>
      <c r="F147" s="266"/>
      <c r="G147" s="267"/>
      <c r="H147" s="268"/>
      <c r="I147" s="477"/>
    </row>
    <row r="148" spans="1:9">
      <c r="A148" s="381"/>
      <c r="B148" s="382"/>
      <c r="C148" s="382"/>
      <c r="D148" s="382"/>
      <c r="E148" s="383"/>
      <c r="F148" s="269"/>
      <c r="G148" s="58"/>
      <c r="H148" s="270"/>
      <c r="I148" s="477"/>
    </row>
    <row r="149" spans="1:9">
      <c r="A149" s="384"/>
      <c r="B149" s="385"/>
      <c r="C149" s="385"/>
      <c r="D149" s="385"/>
      <c r="E149" s="386"/>
      <c r="F149" s="271"/>
      <c r="G149" s="83"/>
      <c r="H149" s="272"/>
      <c r="I149" s="478"/>
    </row>
    <row r="150" spans="1:9" ht="17.45" customHeight="1">
      <c r="A150" s="387" t="s">
        <v>151</v>
      </c>
      <c r="B150" s="388"/>
      <c r="C150" s="388"/>
      <c r="D150" s="388"/>
      <c r="E150" s="250"/>
      <c r="F150" s="138"/>
      <c r="G150" s="132"/>
      <c r="H150" s="139"/>
      <c r="I150" s="273"/>
    </row>
    <row r="151" spans="1:9" ht="14.45" customHeight="1">
      <c r="A151" s="378" t="s">
        <v>152</v>
      </c>
      <c r="B151" s="379"/>
      <c r="C151" s="379"/>
      <c r="D151" s="379"/>
      <c r="E151" s="379"/>
      <c r="F151" s="369"/>
      <c r="G151" s="370"/>
      <c r="H151" s="371"/>
      <c r="I151" s="474" t="s">
        <v>189</v>
      </c>
    </row>
    <row r="152" spans="1:9" ht="14.45" customHeight="1">
      <c r="A152" s="381"/>
      <c r="B152" s="382"/>
      <c r="C152" s="382"/>
      <c r="D152" s="382"/>
      <c r="E152" s="382"/>
      <c r="F152" s="372"/>
      <c r="G152" s="373"/>
      <c r="H152" s="374"/>
      <c r="I152" s="475"/>
    </row>
    <row r="153" spans="1:9">
      <c r="A153" s="384"/>
      <c r="B153" s="385"/>
      <c r="C153" s="385"/>
      <c r="D153" s="385"/>
      <c r="E153" s="385"/>
      <c r="F153" s="375"/>
      <c r="G153" s="376"/>
      <c r="H153" s="377"/>
      <c r="I153" s="475"/>
    </row>
    <row r="154" spans="1:9" ht="14.45" customHeight="1">
      <c r="A154" s="378" t="s">
        <v>239</v>
      </c>
      <c r="B154" s="379"/>
      <c r="C154" s="379"/>
      <c r="D154" s="379"/>
      <c r="E154" s="380"/>
      <c r="F154" s="369"/>
      <c r="G154" s="370"/>
      <c r="H154" s="371"/>
      <c r="I154" s="475"/>
    </row>
    <row r="155" spans="1:9">
      <c r="A155" s="381"/>
      <c r="B155" s="382"/>
      <c r="C155" s="382"/>
      <c r="D155" s="382"/>
      <c r="E155" s="383"/>
      <c r="F155" s="372"/>
      <c r="G155" s="373"/>
      <c r="H155" s="374"/>
      <c r="I155" s="475"/>
    </row>
    <row r="156" spans="1:9">
      <c r="A156" s="384"/>
      <c r="B156" s="385"/>
      <c r="C156" s="385"/>
      <c r="D156" s="385"/>
      <c r="E156" s="386"/>
      <c r="F156" s="375"/>
      <c r="G156" s="376"/>
      <c r="H156" s="377"/>
      <c r="I156" s="475"/>
    </row>
    <row r="157" spans="1:9" ht="14.45" customHeight="1">
      <c r="A157" s="378" t="s">
        <v>240</v>
      </c>
      <c r="B157" s="379"/>
      <c r="C157" s="379"/>
      <c r="D157" s="379"/>
      <c r="E157" s="380"/>
      <c r="F157" s="369"/>
      <c r="G157" s="370"/>
      <c r="H157" s="371"/>
      <c r="I157" s="475"/>
    </row>
    <row r="158" spans="1:9">
      <c r="A158" s="381"/>
      <c r="B158" s="382"/>
      <c r="C158" s="382"/>
      <c r="D158" s="382"/>
      <c r="E158" s="383"/>
      <c r="F158" s="372"/>
      <c r="G158" s="373"/>
      <c r="H158" s="374"/>
      <c r="I158" s="475"/>
    </row>
    <row r="159" spans="1:9">
      <c r="A159" s="384"/>
      <c r="B159" s="385"/>
      <c r="C159" s="385"/>
      <c r="D159" s="385"/>
      <c r="E159" s="386"/>
      <c r="F159" s="375"/>
      <c r="G159" s="376"/>
      <c r="H159" s="377"/>
      <c r="I159" s="476"/>
    </row>
    <row r="160" spans="1:9" ht="18" customHeight="1">
      <c r="A160" s="389" t="s">
        <v>15</v>
      </c>
      <c r="B160" s="390"/>
      <c r="C160" s="390"/>
      <c r="D160" s="390"/>
      <c r="E160" s="141"/>
      <c r="F160" s="142"/>
      <c r="G160" s="142"/>
      <c r="H160" s="255"/>
      <c r="I160" s="260"/>
    </row>
    <row r="161" spans="1:9" ht="18" customHeight="1">
      <c r="A161" s="367" t="s">
        <v>16</v>
      </c>
      <c r="B161" s="368"/>
      <c r="C161" s="368"/>
      <c r="D161" s="368"/>
      <c r="E161" s="250"/>
      <c r="F161" s="135"/>
      <c r="G161" s="132"/>
      <c r="H161" s="274"/>
      <c r="I161" s="275"/>
    </row>
    <row r="162" spans="1:9" ht="14.45" customHeight="1">
      <c r="A162" s="378" t="s">
        <v>17</v>
      </c>
      <c r="B162" s="379"/>
      <c r="C162" s="379"/>
      <c r="D162" s="379"/>
      <c r="E162" s="380"/>
      <c r="F162" s="369"/>
      <c r="G162" s="370"/>
      <c r="H162" s="371"/>
      <c r="I162" s="474" t="s">
        <v>270</v>
      </c>
    </row>
    <row r="163" spans="1:9">
      <c r="A163" s="381"/>
      <c r="B163" s="382"/>
      <c r="C163" s="382"/>
      <c r="D163" s="382"/>
      <c r="E163" s="383"/>
      <c r="F163" s="372"/>
      <c r="G163" s="373"/>
      <c r="H163" s="374"/>
      <c r="I163" s="475"/>
    </row>
    <row r="164" spans="1:9">
      <c r="A164" s="384"/>
      <c r="B164" s="385"/>
      <c r="C164" s="385"/>
      <c r="D164" s="385"/>
      <c r="E164" s="386"/>
      <c r="F164" s="375"/>
      <c r="G164" s="376"/>
      <c r="H164" s="377"/>
      <c r="I164" s="475"/>
    </row>
    <row r="165" spans="1:9" ht="14.45" customHeight="1">
      <c r="A165" s="378" t="s">
        <v>153</v>
      </c>
      <c r="B165" s="379"/>
      <c r="C165" s="379"/>
      <c r="D165" s="379"/>
      <c r="E165" s="380"/>
      <c r="F165" s="369"/>
      <c r="G165" s="370"/>
      <c r="H165" s="371"/>
      <c r="I165" s="475"/>
    </row>
    <row r="166" spans="1:9">
      <c r="A166" s="381"/>
      <c r="B166" s="382"/>
      <c r="C166" s="382"/>
      <c r="D166" s="382"/>
      <c r="E166" s="383"/>
      <c r="F166" s="372"/>
      <c r="G166" s="373"/>
      <c r="H166" s="374"/>
      <c r="I166" s="475"/>
    </row>
    <row r="167" spans="1:9">
      <c r="A167" s="384"/>
      <c r="B167" s="385"/>
      <c r="C167" s="385"/>
      <c r="D167" s="385"/>
      <c r="E167" s="386"/>
      <c r="F167" s="375"/>
      <c r="G167" s="376"/>
      <c r="H167" s="377"/>
      <c r="I167" s="475"/>
    </row>
    <row r="168" spans="1:9" ht="14.45" customHeight="1">
      <c r="A168" s="378" t="s">
        <v>154</v>
      </c>
      <c r="B168" s="379"/>
      <c r="C168" s="379"/>
      <c r="D168" s="379"/>
      <c r="E168" s="380"/>
      <c r="F168" s="369"/>
      <c r="G168" s="370"/>
      <c r="H168" s="371"/>
      <c r="I168" s="475"/>
    </row>
    <row r="169" spans="1:9">
      <c r="A169" s="381"/>
      <c r="B169" s="382"/>
      <c r="C169" s="382"/>
      <c r="D169" s="382"/>
      <c r="E169" s="383"/>
      <c r="F169" s="372"/>
      <c r="G169" s="373"/>
      <c r="H169" s="374"/>
      <c r="I169" s="475"/>
    </row>
    <row r="170" spans="1:9">
      <c r="A170" s="384"/>
      <c r="B170" s="385"/>
      <c r="C170" s="385"/>
      <c r="D170" s="385"/>
      <c r="E170" s="386"/>
      <c r="F170" s="375"/>
      <c r="G170" s="376"/>
      <c r="H170" s="377"/>
      <c r="I170" s="476"/>
    </row>
    <row r="171" spans="1:9" ht="14.45" customHeight="1">
      <c r="A171" s="378" t="s">
        <v>190</v>
      </c>
      <c r="B171" s="379"/>
      <c r="C171" s="379"/>
      <c r="D171" s="379"/>
      <c r="E171" s="380"/>
      <c r="F171" s="369"/>
      <c r="G171" s="370"/>
      <c r="H171" s="371"/>
      <c r="I171" s="475" t="s">
        <v>84</v>
      </c>
    </row>
    <row r="172" spans="1:9">
      <c r="A172" s="381"/>
      <c r="B172" s="382"/>
      <c r="C172" s="382"/>
      <c r="D172" s="382"/>
      <c r="E172" s="383"/>
      <c r="F172" s="372"/>
      <c r="G172" s="373"/>
      <c r="H172" s="374"/>
      <c r="I172" s="475"/>
    </row>
    <row r="173" spans="1:9">
      <c r="A173" s="384"/>
      <c r="B173" s="385"/>
      <c r="C173" s="385"/>
      <c r="D173" s="385"/>
      <c r="E173" s="386"/>
      <c r="F173" s="375"/>
      <c r="G173" s="376"/>
      <c r="H173" s="377"/>
      <c r="I173" s="475"/>
    </row>
    <row r="174" spans="1:9" ht="14.45" customHeight="1">
      <c r="A174" s="378" t="s">
        <v>155</v>
      </c>
      <c r="B174" s="379"/>
      <c r="C174" s="379"/>
      <c r="D174" s="379"/>
      <c r="E174" s="380"/>
      <c r="F174" s="369"/>
      <c r="G174" s="370"/>
      <c r="H174" s="371"/>
      <c r="I174" s="475"/>
    </row>
    <row r="175" spans="1:9">
      <c r="A175" s="381"/>
      <c r="B175" s="382"/>
      <c r="C175" s="382"/>
      <c r="D175" s="382"/>
      <c r="E175" s="383"/>
      <c r="F175" s="372"/>
      <c r="G175" s="373"/>
      <c r="H175" s="374"/>
      <c r="I175" s="475"/>
    </row>
    <row r="176" spans="1:9">
      <c r="A176" s="384"/>
      <c r="B176" s="385"/>
      <c r="C176" s="385"/>
      <c r="D176" s="385"/>
      <c r="E176" s="386"/>
      <c r="F176" s="375"/>
      <c r="G176" s="376"/>
      <c r="H176" s="377"/>
      <c r="I176" s="476"/>
    </row>
    <row r="177" spans="1:14" ht="30" customHeight="1">
      <c r="A177" s="391" t="s">
        <v>494</v>
      </c>
      <c r="B177" s="392"/>
      <c r="C177" s="392"/>
      <c r="D177" s="392"/>
      <c r="E177" s="393"/>
      <c r="F177" s="369"/>
      <c r="G177" s="370"/>
      <c r="H177" s="371"/>
      <c r="I177" s="474" t="s">
        <v>85</v>
      </c>
      <c r="K177" s="514"/>
      <c r="L177" s="515"/>
      <c r="M177" s="515"/>
      <c r="N177" s="515"/>
    </row>
    <row r="178" spans="1:14" ht="33.75" customHeight="1">
      <c r="A178" s="394"/>
      <c r="B178" s="395"/>
      <c r="C178" s="395"/>
      <c r="D178" s="395"/>
      <c r="E178" s="396"/>
      <c r="F178" s="372"/>
      <c r="G178" s="373"/>
      <c r="H178" s="374"/>
      <c r="I178" s="477"/>
      <c r="K178" s="515"/>
      <c r="L178" s="515"/>
      <c r="M178" s="515"/>
      <c r="N178" s="515"/>
    </row>
    <row r="179" spans="1:14" ht="30" customHeight="1">
      <c r="A179" s="397"/>
      <c r="B179" s="398"/>
      <c r="C179" s="398"/>
      <c r="D179" s="398"/>
      <c r="E179" s="399"/>
      <c r="F179" s="375"/>
      <c r="G179" s="376"/>
      <c r="H179" s="377"/>
      <c r="I179" s="478"/>
      <c r="K179" s="515"/>
      <c r="L179" s="515"/>
      <c r="M179" s="515"/>
      <c r="N179" s="515"/>
    </row>
    <row r="180" spans="1:14" ht="18" customHeight="1">
      <c r="A180" s="389" t="s">
        <v>156</v>
      </c>
      <c r="B180" s="390"/>
      <c r="C180" s="390"/>
      <c r="D180" s="390"/>
      <c r="E180" s="142"/>
      <c r="F180" s="138"/>
      <c r="G180" s="142"/>
      <c r="H180" s="139"/>
      <c r="I180" s="276"/>
    </row>
    <row r="181" spans="1:14" ht="14.45" customHeight="1">
      <c r="A181" s="378" t="s">
        <v>458</v>
      </c>
      <c r="B181" s="379"/>
      <c r="C181" s="379"/>
      <c r="D181" s="379"/>
      <c r="E181" s="380"/>
      <c r="F181" s="369"/>
      <c r="G181" s="370"/>
      <c r="H181" s="371"/>
      <c r="I181" s="477" t="s">
        <v>157</v>
      </c>
    </row>
    <row r="182" spans="1:14">
      <c r="A182" s="381"/>
      <c r="B182" s="382"/>
      <c r="C182" s="382"/>
      <c r="D182" s="382"/>
      <c r="E182" s="383"/>
      <c r="F182" s="372"/>
      <c r="G182" s="373"/>
      <c r="H182" s="374"/>
      <c r="I182" s="477"/>
    </row>
    <row r="183" spans="1:14">
      <c r="A183" s="384"/>
      <c r="B183" s="385"/>
      <c r="C183" s="385"/>
      <c r="D183" s="385"/>
      <c r="E183" s="386"/>
      <c r="F183" s="375"/>
      <c r="G183" s="376"/>
      <c r="H183" s="377"/>
      <c r="I183" s="478"/>
    </row>
    <row r="184" spans="1:14">
      <c r="A184" s="237"/>
      <c r="B184" s="237"/>
      <c r="C184" s="237"/>
      <c r="D184" s="237"/>
      <c r="E184" s="267"/>
      <c r="F184" s="267"/>
      <c r="G184" s="267"/>
      <c r="H184" s="277"/>
      <c r="I184" s="278"/>
    </row>
    <row r="185" spans="1:14">
      <c r="A185" s="238"/>
      <c r="B185" s="238"/>
      <c r="C185" s="238"/>
      <c r="D185" s="238"/>
      <c r="E185" s="267"/>
      <c r="F185" s="267"/>
      <c r="G185" s="267"/>
      <c r="H185" s="277"/>
      <c r="I185" s="279"/>
    </row>
    <row r="186" spans="1:14">
      <c r="A186" s="237"/>
      <c r="B186" s="237"/>
      <c r="C186" s="237"/>
      <c r="D186" s="237"/>
      <c r="E186" s="58"/>
      <c r="F186" s="58"/>
      <c r="G186" s="58"/>
      <c r="H186" s="278"/>
      <c r="I186" s="280"/>
    </row>
  </sheetData>
  <mergeCells count="198">
    <mergeCell ref="A27:G27"/>
    <mergeCell ref="H27:I27"/>
    <mergeCell ref="A30:G30"/>
    <mergeCell ref="H30:I30"/>
    <mergeCell ref="H41:I41"/>
    <mergeCell ref="A45:G45"/>
    <mergeCell ref="H45:I45"/>
    <mergeCell ref="A58:G58"/>
    <mergeCell ref="K177:N179"/>
    <mergeCell ref="A52:G52"/>
    <mergeCell ref="H52:I52"/>
    <mergeCell ref="A50:G50"/>
    <mergeCell ref="H50:I50"/>
    <mergeCell ref="A51:G51"/>
    <mergeCell ref="A48:G48"/>
    <mergeCell ref="A43:G43"/>
    <mergeCell ref="H43:I43"/>
    <mergeCell ref="A46:G46"/>
    <mergeCell ref="H46:I46"/>
    <mergeCell ref="A49:G49"/>
    <mergeCell ref="H49:I49"/>
    <mergeCell ref="H44:I44"/>
    <mergeCell ref="H48:I48"/>
    <mergeCell ref="A181:E183"/>
    <mergeCell ref="A180:D180"/>
    <mergeCell ref="A165:E167"/>
    <mergeCell ref="I70:I72"/>
    <mergeCell ref="I89:I91"/>
    <mergeCell ref="I106:I118"/>
    <mergeCell ref="I85:I87"/>
    <mergeCell ref="I102:I104"/>
    <mergeCell ref="H34:I34"/>
    <mergeCell ref="A35:G35"/>
    <mergeCell ref="H35:I35"/>
    <mergeCell ref="A36:G36"/>
    <mergeCell ref="H36:I36"/>
    <mergeCell ref="H37:I37"/>
    <mergeCell ref="A40:G40"/>
    <mergeCell ref="H40:I40"/>
    <mergeCell ref="H38:I38"/>
    <mergeCell ref="A38:G38"/>
    <mergeCell ref="H42:I42"/>
    <mergeCell ref="A53:G53"/>
    <mergeCell ref="A56:G56"/>
    <mergeCell ref="H56:I56"/>
    <mergeCell ref="H58:I58"/>
    <mergeCell ref="A41:G41"/>
    <mergeCell ref="A2:I2"/>
    <mergeCell ref="A3:I3"/>
    <mergeCell ref="A26:G26"/>
    <mergeCell ref="H26:I26"/>
    <mergeCell ref="A15:B17"/>
    <mergeCell ref="C15:D17"/>
    <mergeCell ref="E15:F17"/>
    <mergeCell ref="G15:G17"/>
    <mergeCell ref="H15:I17"/>
    <mergeCell ref="A18:B20"/>
    <mergeCell ref="C18:D20"/>
    <mergeCell ref="E18:F20"/>
    <mergeCell ref="G18:G20"/>
    <mergeCell ref="H18:I20"/>
    <mergeCell ref="A21:B23"/>
    <mergeCell ref="C21:C22"/>
    <mergeCell ref="D21:F22"/>
    <mergeCell ref="G6:I6"/>
    <mergeCell ref="C8:I8"/>
    <mergeCell ref="C7:I7"/>
    <mergeCell ref="C9:I9"/>
    <mergeCell ref="D10:I10"/>
    <mergeCell ref="A4:I4"/>
    <mergeCell ref="H54:I54"/>
    <mergeCell ref="A55:G55"/>
    <mergeCell ref="H55:I55"/>
    <mergeCell ref="H51:I51"/>
    <mergeCell ref="A28:G28"/>
    <mergeCell ref="H28:I28"/>
    <mergeCell ref="A29:G29"/>
    <mergeCell ref="H29:I29"/>
    <mergeCell ref="A47:G47"/>
    <mergeCell ref="H47:I47"/>
    <mergeCell ref="A31:G31"/>
    <mergeCell ref="H31:I31"/>
    <mergeCell ref="A33:G33"/>
    <mergeCell ref="H33:I33"/>
    <mergeCell ref="A32:G32"/>
    <mergeCell ref="H32:I32"/>
    <mergeCell ref="A37:G37"/>
    <mergeCell ref="A34:G34"/>
    <mergeCell ref="A42:G42"/>
    <mergeCell ref="H53:I53"/>
    <mergeCell ref="A39:G39"/>
    <mergeCell ref="H39:I39"/>
    <mergeCell ref="A44:G44"/>
    <mergeCell ref="F181:H183"/>
    <mergeCell ref="F102:H104"/>
    <mergeCell ref="F106:H108"/>
    <mergeCell ref="F109:H111"/>
    <mergeCell ref="F115:H118"/>
    <mergeCell ref="G22:I22"/>
    <mergeCell ref="C23:F23"/>
    <mergeCell ref="G23:I23"/>
    <mergeCell ref="A12:B12"/>
    <mergeCell ref="C12:G12"/>
    <mergeCell ref="I125:I127"/>
    <mergeCell ref="I129:I131"/>
    <mergeCell ref="I151:I159"/>
    <mergeCell ref="I181:I183"/>
    <mergeCell ref="I120:I122"/>
    <mergeCell ref="I133:I140"/>
    <mergeCell ref="I144:I149"/>
    <mergeCell ref="I141:I143"/>
    <mergeCell ref="I162:I170"/>
    <mergeCell ref="I171:I176"/>
    <mergeCell ref="I74:I82"/>
    <mergeCell ref="I66:I68"/>
    <mergeCell ref="I177:I179"/>
    <mergeCell ref="A73:D73"/>
    <mergeCell ref="I61:I63"/>
    <mergeCell ref="A64:D64"/>
    <mergeCell ref="A65:D65"/>
    <mergeCell ref="A57:G57"/>
    <mergeCell ref="A168:E170"/>
    <mergeCell ref="A171:E173"/>
    <mergeCell ref="A109:E111"/>
    <mergeCell ref="A138:E140"/>
    <mergeCell ref="A161:D161"/>
    <mergeCell ref="H57:I57"/>
    <mergeCell ref="A60:D60"/>
    <mergeCell ref="A88:D88"/>
    <mergeCell ref="F96:H98"/>
    <mergeCell ref="F99:H101"/>
    <mergeCell ref="I92:I94"/>
    <mergeCell ref="A54:G54"/>
    <mergeCell ref="A85:E87"/>
    <mergeCell ref="A150:D150"/>
    <mergeCell ref="A144:E146"/>
    <mergeCell ref="A147:E149"/>
    <mergeCell ref="F85:H87"/>
    <mergeCell ref="F89:H91"/>
    <mergeCell ref="A92:E94"/>
    <mergeCell ref="F92:H94"/>
    <mergeCell ref="A96:E98"/>
    <mergeCell ref="A99:E101"/>
    <mergeCell ref="A133:E137"/>
    <mergeCell ref="I96:I98"/>
    <mergeCell ref="I99:I101"/>
    <mergeCell ref="A89:E91"/>
    <mergeCell ref="F61:H63"/>
    <mergeCell ref="F66:H68"/>
    <mergeCell ref="A66:E68"/>
    <mergeCell ref="A61:E63"/>
    <mergeCell ref="F70:H72"/>
    <mergeCell ref="A95:D95"/>
    <mergeCell ref="A102:E104"/>
    <mergeCell ref="A106:E108"/>
    <mergeCell ref="A132:D132"/>
    <mergeCell ref="F165:H167"/>
    <mergeCell ref="F168:H170"/>
    <mergeCell ref="F141:H143"/>
    <mergeCell ref="A151:E153"/>
    <mergeCell ref="A141:E143"/>
    <mergeCell ref="F125:H127"/>
    <mergeCell ref="F129:H131"/>
    <mergeCell ref="A123:D123"/>
    <mergeCell ref="A105:D105"/>
    <mergeCell ref="A125:E127"/>
    <mergeCell ref="A129:E131"/>
    <mergeCell ref="A119:D119"/>
    <mergeCell ref="A120:E122"/>
    <mergeCell ref="F120:H122"/>
    <mergeCell ref="A124:D124"/>
    <mergeCell ref="A128:D128"/>
    <mergeCell ref="F112:H114"/>
    <mergeCell ref="A112:E114"/>
    <mergeCell ref="A115:E118"/>
    <mergeCell ref="A160:D160"/>
    <mergeCell ref="A174:E176"/>
    <mergeCell ref="A177:E179"/>
    <mergeCell ref="F162:H164"/>
    <mergeCell ref="F171:H173"/>
    <mergeCell ref="A154:E156"/>
    <mergeCell ref="A157:E159"/>
    <mergeCell ref="F151:H153"/>
    <mergeCell ref="F154:H156"/>
    <mergeCell ref="F157:H159"/>
    <mergeCell ref="A162:E164"/>
    <mergeCell ref="F174:H176"/>
    <mergeCell ref="F177:H179"/>
    <mergeCell ref="A84:D84"/>
    <mergeCell ref="F74:H76"/>
    <mergeCell ref="F80:H82"/>
    <mergeCell ref="F77:H79"/>
    <mergeCell ref="A70:E72"/>
    <mergeCell ref="A74:E76"/>
    <mergeCell ref="A77:E79"/>
    <mergeCell ref="A80:E82"/>
    <mergeCell ref="A69:D69"/>
    <mergeCell ref="A83:D83"/>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rowBreaks count="3" manualBreakCount="3">
    <brk id="47" max="8" man="1"/>
    <brk id="91" max="8" man="1"/>
    <brk id="140"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5</xdr:col>
                    <xdr:colOff>142875</xdr:colOff>
                    <xdr:row>65</xdr:row>
                    <xdr:rowOff>133350</xdr:rowOff>
                  </from>
                  <to>
                    <xdr:col>6</xdr:col>
                    <xdr:colOff>57150</xdr:colOff>
                    <xdr:row>67</xdr:row>
                    <xdr:rowOff>47625</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7</xdr:col>
                    <xdr:colOff>38100</xdr:colOff>
                    <xdr:row>65</xdr:row>
                    <xdr:rowOff>133350</xdr:rowOff>
                  </from>
                  <to>
                    <xdr:col>7</xdr:col>
                    <xdr:colOff>590550</xdr:colOff>
                    <xdr:row>67</xdr:row>
                    <xdr:rowOff>57150</xdr:rowOff>
                  </to>
                </anchor>
              </controlPr>
            </control>
          </mc:Choice>
        </mc:AlternateContent>
        <mc:AlternateContent xmlns:mc="http://schemas.openxmlformats.org/markup-compatibility/2006">
          <mc:Choice Requires="x14">
            <control shapeId="2556" r:id="rId6" name="Check Box 508">
              <controlPr defaultSize="0" autoFill="0" autoLine="0" autoPict="0">
                <anchor moveWithCells="1">
                  <from>
                    <xdr:col>5</xdr:col>
                    <xdr:colOff>142875</xdr:colOff>
                    <xdr:row>69</xdr:row>
                    <xdr:rowOff>133350</xdr:rowOff>
                  </from>
                  <to>
                    <xdr:col>6</xdr:col>
                    <xdr:colOff>57150</xdr:colOff>
                    <xdr:row>71</xdr:row>
                    <xdr:rowOff>47625</xdr:rowOff>
                  </to>
                </anchor>
              </controlPr>
            </control>
          </mc:Choice>
        </mc:AlternateContent>
        <mc:AlternateContent xmlns:mc="http://schemas.openxmlformats.org/markup-compatibility/2006">
          <mc:Choice Requires="x14">
            <control shapeId="2557" r:id="rId7" name="Check Box 509">
              <controlPr defaultSize="0" autoFill="0" autoLine="0" autoPict="0">
                <anchor moveWithCells="1">
                  <from>
                    <xdr:col>7</xdr:col>
                    <xdr:colOff>38100</xdr:colOff>
                    <xdr:row>69</xdr:row>
                    <xdr:rowOff>133350</xdr:rowOff>
                  </from>
                  <to>
                    <xdr:col>7</xdr:col>
                    <xdr:colOff>590550</xdr:colOff>
                    <xdr:row>71</xdr:row>
                    <xdr:rowOff>57150</xdr:rowOff>
                  </to>
                </anchor>
              </controlPr>
            </control>
          </mc:Choice>
        </mc:AlternateContent>
        <mc:AlternateContent xmlns:mc="http://schemas.openxmlformats.org/markup-compatibility/2006">
          <mc:Choice Requires="x14">
            <control shapeId="2558" r:id="rId8" name="Check Box 510">
              <controlPr defaultSize="0" autoFill="0" autoLine="0" autoPict="0">
                <anchor moveWithCells="1">
                  <from>
                    <xdr:col>5</xdr:col>
                    <xdr:colOff>142875</xdr:colOff>
                    <xdr:row>73</xdr:row>
                    <xdr:rowOff>133350</xdr:rowOff>
                  </from>
                  <to>
                    <xdr:col>6</xdr:col>
                    <xdr:colOff>57150</xdr:colOff>
                    <xdr:row>75</xdr:row>
                    <xdr:rowOff>47625</xdr:rowOff>
                  </to>
                </anchor>
              </controlPr>
            </control>
          </mc:Choice>
        </mc:AlternateContent>
        <mc:AlternateContent xmlns:mc="http://schemas.openxmlformats.org/markup-compatibility/2006">
          <mc:Choice Requires="x14">
            <control shapeId="2559" r:id="rId9" name="Check Box 511">
              <controlPr defaultSize="0" autoFill="0" autoLine="0" autoPict="0">
                <anchor moveWithCells="1">
                  <from>
                    <xdr:col>7</xdr:col>
                    <xdr:colOff>38100</xdr:colOff>
                    <xdr:row>73</xdr:row>
                    <xdr:rowOff>133350</xdr:rowOff>
                  </from>
                  <to>
                    <xdr:col>7</xdr:col>
                    <xdr:colOff>590550</xdr:colOff>
                    <xdr:row>75</xdr:row>
                    <xdr:rowOff>57150</xdr:rowOff>
                  </to>
                </anchor>
              </controlPr>
            </control>
          </mc:Choice>
        </mc:AlternateContent>
        <mc:AlternateContent xmlns:mc="http://schemas.openxmlformats.org/markup-compatibility/2006">
          <mc:Choice Requires="x14">
            <control shapeId="2560" r:id="rId10" name="Check Box 512">
              <controlPr defaultSize="0" autoFill="0" autoLine="0" autoPict="0">
                <anchor moveWithCells="1">
                  <from>
                    <xdr:col>5</xdr:col>
                    <xdr:colOff>161925</xdr:colOff>
                    <xdr:row>76</xdr:row>
                    <xdr:rowOff>161925</xdr:rowOff>
                  </from>
                  <to>
                    <xdr:col>6</xdr:col>
                    <xdr:colOff>76200</xdr:colOff>
                    <xdr:row>78</xdr:row>
                    <xdr:rowOff>66675</xdr:rowOff>
                  </to>
                </anchor>
              </controlPr>
            </control>
          </mc:Choice>
        </mc:AlternateContent>
        <mc:AlternateContent xmlns:mc="http://schemas.openxmlformats.org/markup-compatibility/2006">
          <mc:Choice Requires="x14">
            <control shapeId="2561" r:id="rId11" name="Check Box 513">
              <controlPr defaultSize="0" autoFill="0" autoLine="0" autoPict="0">
                <anchor moveWithCells="1">
                  <from>
                    <xdr:col>7</xdr:col>
                    <xdr:colOff>28575</xdr:colOff>
                    <xdr:row>76</xdr:row>
                    <xdr:rowOff>161925</xdr:rowOff>
                  </from>
                  <to>
                    <xdr:col>7</xdr:col>
                    <xdr:colOff>581025</xdr:colOff>
                    <xdr:row>78</xdr:row>
                    <xdr:rowOff>85725</xdr:rowOff>
                  </to>
                </anchor>
              </controlPr>
            </control>
          </mc:Choice>
        </mc:AlternateContent>
        <mc:AlternateContent xmlns:mc="http://schemas.openxmlformats.org/markup-compatibility/2006">
          <mc:Choice Requires="x14">
            <control shapeId="2562" r:id="rId12" name="Check Box 514">
              <controlPr defaultSize="0" autoFill="0" autoLine="0" autoPict="0">
                <anchor moveWithCells="1">
                  <from>
                    <xdr:col>5</xdr:col>
                    <xdr:colOff>142875</xdr:colOff>
                    <xdr:row>79</xdr:row>
                    <xdr:rowOff>133350</xdr:rowOff>
                  </from>
                  <to>
                    <xdr:col>6</xdr:col>
                    <xdr:colOff>57150</xdr:colOff>
                    <xdr:row>81</xdr:row>
                    <xdr:rowOff>47625</xdr:rowOff>
                  </to>
                </anchor>
              </controlPr>
            </control>
          </mc:Choice>
        </mc:AlternateContent>
        <mc:AlternateContent xmlns:mc="http://schemas.openxmlformats.org/markup-compatibility/2006">
          <mc:Choice Requires="x14">
            <control shapeId="2563" r:id="rId13" name="Check Box 515">
              <controlPr defaultSize="0" autoFill="0" autoLine="0" autoPict="0">
                <anchor moveWithCells="1">
                  <from>
                    <xdr:col>7</xdr:col>
                    <xdr:colOff>38100</xdr:colOff>
                    <xdr:row>79</xdr:row>
                    <xdr:rowOff>133350</xdr:rowOff>
                  </from>
                  <to>
                    <xdr:col>7</xdr:col>
                    <xdr:colOff>590550</xdr:colOff>
                    <xdr:row>81</xdr:row>
                    <xdr:rowOff>57150</xdr:rowOff>
                  </to>
                </anchor>
              </controlPr>
            </control>
          </mc:Choice>
        </mc:AlternateContent>
        <mc:AlternateContent xmlns:mc="http://schemas.openxmlformats.org/markup-compatibility/2006">
          <mc:Choice Requires="x14">
            <control shapeId="2564" r:id="rId14" name="Check Box 516">
              <controlPr defaultSize="0" autoFill="0" autoLine="0" autoPict="0">
                <anchor moveWithCells="1">
                  <from>
                    <xdr:col>5</xdr:col>
                    <xdr:colOff>142875</xdr:colOff>
                    <xdr:row>84</xdr:row>
                    <xdr:rowOff>133350</xdr:rowOff>
                  </from>
                  <to>
                    <xdr:col>6</xdr:col>
                    <xdr:colOff>57150</xdr:colOff>
                    <xdr:row>86</xdr:row>
                    <xdr:rowOff>47625</xdr:rowOff>
                  </to>
                </anchor>
              </controlPr>
            </control>
          </mc:Choice>
        </mc:AlternateContent>
        <mc:AlternateContent xmlns:mc="http://schemas.openxmlformats.org/markup-compatibility/2006">
          <mc:Choice Requires="x14">
            <control shapeId="2565" r:id="rId15" name="Check Box 517">
              <controlPr defaultSize="0" autoFill="0" autoLine="0" autoPict="0">
                <anchor moveWithCells="1">
                  <from>
                    <xdr:col>7</xdr:col>
                    <xdr:colOff>38100</xdr:colOff>
                    <xdr:row>84</xdr:row>
                    <xdr:rowOff>133350</xdr:rowOff>
                  </from>
                  <to>
                    <xdr:col>7</xdr:col>
                    <xdr:colOff>590550</xdr:colOff>
                    <xdr:row>86</xdr:row>
                    <xdr:rowOff>57150</xdr:rowOff>
                  </to>
                </anchor>
              </controlPr>
            </control>
          </mc:Choice>
        </mc:AlternateContent>
        <mc:AlternateContent xmlns:mc="http://schemas.openxmlformats.org/markup-compatibility/2006">
          <mc:Choice Requires="x14">
            <control shapeId="2566" r:id="rId16" name="Check Box 518">
              <controlPr defaultSize="0" autoFill="0" autoLine="0" autoPict="0">
                <anchor moveWithCells="1">
                  <from>
                    <xdr:col>5</xdr:col>
                    <xdr:colOff>142875</xdr:colOff>
                    <xdr:row>88</xdr:row>
                    <xdr:rowOff>133350</xdr:rowOff>
                  </from>
                  <to>
                    <xdr:col>6</xdr:col>
                    <xdr:colOff>57150</xdr:colOff>
                    <xdr:row>90</xdr:row>
                    <xdr:rowOff>47625</xdr:rowOff>
                  </to>
                </anchor>
              </controlPr>
            </control>
          </mc:Choice>
        </mc:AlternateContent>
        <mc:AlternateContent xmlns:mc="http://schemas.openxmlformats.org/markup-compatibility/2006">
          <mc:Choice Requires="x14">
            <control shapeId="2567" r:id="rId17" name="Check Box 519">
              <controlPr defaultSize="0" autoFill="0" autoLine="0" autoPict="0">
                <anchor moveWithCells="1">
                  <from>
                    <xdr:col>7</xdr:col>
                    <xdr:colOff>38100</xdr:colOff>
                    <xdr:row>88</xdr:row>
                    <xdr:rowOff>133350</xdr:rowOff>
                  </from>
                  <to>
                    <xdr:col>7</xdr:col>
                    <xdr:colOff>590550</xdr:colOff>
                    <xdr:row>90</xdr:row>
                    <xdr:rowOff>57150</xdr:rowOff>
                  </to>
                </anchor>
              </controlPr>
            </control>
          </mc:Choice>
        </mc:AlternateContent>
        <mc:AlternateContent xmlns:mc="http://schemas.openxmlformats.org/markup-compatibility/2006">
          <mc:Choice Requires="x14">
            <control shapeId="2568" r:id="rId18" name="Check Box 520">
              <controlPr defaultSize="0" autoFill="0" autoLine="0" autoPict="0">
                <anchor moveWithCells="1">
                  <from>
                    <xdr:col>5</xdr:col>
                    <xdr:colOff>142875</xdr:colOff>
                    <xdr:row>95</xdr:row>
                    <xdr:rowOff>133350</xdr:rowOff>
                  </from>
                  <to>
                    <xdr:col>6</xdr:col>
                    <xdr:colOff>57150</xdr:colOff>
                    <xdr:row>97</xdr:row>
                    <xdr:rowOff>47625</xdr:rowOff>
                  </to>
                </anchor>
              </controlPr>
            </control>
          </mc:Choice>
        </mc:AlternateContent>
        <mc:AlternateContent xmlns:mc="http://schemas.openxmlformats.org/markup-compatibility/2006">
          <mc:Choice Requires="x14">
            <control shapeId="2569" r:id="rId19" name="Check Box 521">
              <controlPr defaultSize="0" autoFill="0" autoLine="0" autoPict="0">
                <anchor moveWithCells="1">
                  <from>
                    <xdr:col>7</xdr:col>
                    <xdr:colOff>38100</xdr:colOff>
                    <xdr:row>95</xdr:row>
                    <xdr:rowOff>133350</xdr:rowOff>
                  </from>
                  <to>
                    <xdr:col>7</xdr:col>
                    <xdr:colOff>590550</xdr:colOff>
                    <xdr:row>97</xdr:row>
                    <xdr:rowOff>57150</xdr:rowOff>
                  </to>
                </anchor>
              </controlPr>
            </control>
          </mc:Choice>
        </mc:AlternateContent>
        <mc:AlternateContent xmlns:mc="http://schemas.openxmlformats.org/markup-compatibility/2006">
          <mc:Choice Requires="x14">
            <control shapeId="2570" r:id="rId20" name="Check Box 522">
              <controlPr defaultSize="0" autoFill="0" autoLine="0" autoPict="0">
                <anchor moveWithCells="1">
                  <from>
                    <xdr:col>5</xdr:col>
                    <xdr:colOff>142875</xdr:colOff>
                    <xdr:row>98</xdr:row>
                    <xdr:rowOff>133350</xdr:rowOff>
                  </from>
                  <to>
                    <xdr:col>6</xdr:col>
                    <xdr:colOff>57150</xdr:colOff>
                    <xdr:row>100</xdr:row>
                    <xdr:rowOff>47625</xdr:rowOff>
                  </to>
                </anchor>
              </controlPr>
            </control>
          </mc:Choice>
        </mc:AlternateContent>
        <mc:AlternateContent xmlns:mc="http://schemas.openxmlformats.org/markup-compatibility/2006">
          <mc:Choice Requires="x14">
            <control shapeId="2571" r:id="rId21" name="Check Box 523">
              <controlPr defaultSize="0" autoFill="0" autoLine="0" autoPict="0">
                <anchor moveWithCells="1">
                  <from>
                    <xdr:col>7</xdr:col>
                    <xdr:colOff>38100</xdr:colOff>
                    <xdr:row>98</xdr:row>
                    <xdr:rowOff>133350</xdr:rowOff>
                  </from>
                  <to>
                    <xdr:col>7</xdr:col>
                    <xdr:colOff>590550</xdr:colOff>
                    <xdr:row>100</xdr:row>
                    <xdr:rowOff>57150</xdr:rowOff>
                  </to>
                </anchor>
              </controlPr>
            </control>
          </mc:Choice>
        </mc:AlternateContent>
        <mc:AlternateContent xmlns:mc="http://schemas.openxmlformats.org/markup-compatibility/2006">
          <mc:Choice Requires="x14">
            <control shapeId="2572" r:id="rId22" name="Check Box 524">
              <controlPr defaultSize="0" autoFill="0" autoLine="0" autoPict="0">
                <anchor moveWithCells="1">
                  <from>
                    <xdr:col>5</xdr:col>
                    <xdr:colOff>142875</xdr:colOff>
                    <xdr:row>101</xdr:row>
                    <xdr:rowOff>133350</xdr:rowOff>
                  </from>
                  <to>
                    <xdr:col>6</xdr:col>
                    <xdr:colOff>57150</xdr:colOff>
                    <xdr:row>103</xdr:row>
                    <xdr:rowOff>47625</xdr:rowOff>
                  </to>
                </anchor>
              </controlPr>
            </control>
          </mc:Choice>
        </mc:AlternateContent>
        <mc:AlternateContent xmlns:mc="http://schemas.openxmlformats.org/markup-compatibility/2006">
          <mc:Choice Requires="x14">
            <control shapeId="2573" r:id="rId23" name="Check Box 525">
              <controlPr defaultSize="0" autoFill="0" autoLine="0" autoPict="0">
                <anchor moveWithCells="1">
                  <from>
                    <xdr:col>7</xdr:col>
                    <xdr:colOff>38100</xdr:colOff>
                    <xdr:row>101</xdr:row>
                    <xdr:rowOff>133350</xdr:rowOff>
                  </from>
                  <to>
                    <xdr:col>7</xdr:col>
                    <xdr:colOff>590550</xdr:colOff>
                    <xdr:row>103</xdr:row>
                    <xdr:rowOff>57150</xdr:rowOff>
                  </to>
                </anchor>
              </controlPr>
            </control>
          </mc:Choice>
        </mc:AlternateContent>
        <mc:AlternateContent xmlns:mc="http://schemas.openxmlformats.org/markup-compatibility/2006">
          <mc:Choice Requires="x14">
            <control shapeId="2574" r:id="rId24" name="Check Box 526">
              <controlPr defaultSize="0" autoFill="0" autoLine="0" autoPict="0">
                <anchor moveWithCells="1">
                  <from>
                    <xdr:col>5</xdr:col>
                    <xdr:colOff>142875</xdr:colOff>
                    <xdr:row>105</xdr:row>
                    <xdr:rowOff>133350</xdr:rowOff>
                  </from>
                  <to>
                    <xdr:col>6</xdr:col>
                    <xdr:colOff>57150</xdr:colOff>
                    <xdr:row>107</xdr:row>
                    <xdr:rowOff>47625</xdr:rowOff>
                  </to>
                </anchor>
              </controlPr>
            </control>
          </mc:Choice>
        </mc:AlternateContent>
        <mc:AlternateContent xmlns:mc="http://schemas.openxmlformats.org/markup-compatibility/2006">
          <mc:Choice Requires="x14">
            <control shapeId="2575" r:id="rId25" name="Check Box 527">
              <controlPr defaultSize="0" autoFill="0" autoLine="0" autoPict="0">
                <anchor moveWithCells="1">
                  <from>
                    <xdr:col>7</xdr:col>
                    <xdr:colOff>38100</xdr:colOff>
                    <xdr:row>105</xdr:row>
                    <xdr:rowOff>133350</xdr:rowOff>
                  </from>
                  <to>
                    <xdr:col>7</xdr:col>
                    <xdr:colOff>590550</xdr:colOff>
                    <xdr:row>107</xdr:row>
                    <xdr:rowOff>57150</xdr:rowOff>
                  </to>
                </anchor>
              </controlPr>
            </control>
          </mc:Choice>
        </mc:AlternateContent>
        <mc:AlternateContent xmlns:mc="http://schemas.openxmlformats.org/markup-compatibility/2006">
          <mc:Choice Requires="x14">
            <control shapeId="2576" r:id="rId26" name="Check Box 528">
              <controlPr defaultSize="0" autoFill="0" autoLine="0" autoPict="0">
                <anchor moveWithCells="1">
                  <from>
                    <xdr:col>5</xdr:col>
                    <xdr:colOff>142875</xdr:colOff>
                    <xdr:row>108</xdr:row>
                    <xdr:rowOff>133350</xdr:rowOff>
                  </from>
                  <to>
                    <xdr:col>6</xdr:col>
                    <xdr:colOff>57150</xdr:colOff>
                    <xdr:row>110</xdr:row>
                    <xdr:rowOff>47625</xdr:rowOff>
                  </to>
                </anchor>
              </controlPr>
            </control>
          </mc:Choice>
        </mc:AlternateContent>
        <mc:AlternateContent xmlns:mc="http://schemas.openxmlformats.org/markup-compatibility/2006">
          <mc:Choice Requires="x14">
            <control shapeId="2577" r:id="rId27" name="Check Box 529">
              <controlPr defaultSize="0" autoFill="0" autoLine="0" autoPict="0">
                <anchor moveWithCells="1">
                  <from>
                    <xdr:col>7</xdr:col>
                    <xdr:colOff>38100</xdr:colOff>
                    <xdr:row>108</xdr:row>
                    <xdr:rowOff>133350</xdr:rowOff>
                  </from>
                  <to>
                    <xdr:col>7</xdr:col>
                    <xdr:colOff>590550</xdr:colOff>
                    <xdr:row>110</xdr:row>
                    <xdr:rowOff>57150</xdr:rowOff>
                  </to>
                </anchor>
              </controlPr>
            </control>
          </mc:Choice>
        </mc:AlternateContent>
        <mc:AlternateContent xmlns:mc="http://schemas.openxmlformats.org/markup-compatibility/2006">
          <mc:Choice Requires="x14">
            <control shapeId="2578" r:id="rId28" name="Check Box 530">
              <controlPr defaultSize="0" autoFill="0" autoLine="0" autoPict="0">
                <anchor moveWithCells="1">
                  <from>
                    <xdr:col>5</xdr:col>
                    <xdr:colOff>142875</xdr:colOff>
                    <xdr:row>114</xdr:row>
                    <xdr:rowOff>133350</xdr:rowOff>
                  </from>
                  <to>
                    <xdr:col>6</xdr:col>
                    <xdr:colOff>57150</xdr:colOff>
                    <xdr:row>116</xdr:row>
                    <xdr:rowOff>47625</xdr:rowOff>
                  </to>
                </anchor>
              </controlPr>
            </control>
          </mc:Choice>
        </mc:AlternateContent>
        <mc:AlternateContent xmlns:mc="http://schemas.openxmlformats.org/markup-compatibility/2006">
          <mc:Choice Requires="x14">
            <control shapeId="2579" r:id="rId29" name="Check Box 531">
              <controlPr defaultSize="0" autoFill="0" autoLine="0" autoPict="0">
                <anchor moveWithCells="1">
                  <from>
                    <xdr:col>7</xdr:col>
                    <xdr:colOff>38100</xdr:colOff>
                    <xdr:row>114</xdr:row>
                    <xdr:rowOff>133350</xdr:rowOff>
                  </from>
                  <to>
                    <xdr:col>7</xdr:col>
                    <xdr:colOff>590550</xdr:colOff>
                    <xdr:row>116</xdr:row>
                    <xdr:rowOff>57150</xdr:rowOff>
                  </to>
                </anchor>
              </controlPr>
            </control>
          </mc:Choice>
        </mc:AlternateContent>
        <mc:AlternateContent xmlns:mc="http://schemas.openxmlformats.org/markup-compatibility/2006">
          <mc:Choice Requires="x14">
            <control shapeId="2580" r:id="rId30" name="Check Box 532">
              <controlPr defaultSize="0" autoFill="0" autoLine="0" autoPict="0">
                <anchor moveWithCells="1">
                  <from>
                    <xdr:col>5</xdr:col>
                    <xdr:colOff>142875</xdr:colOff>
                    <xdr:row>124</xdr:row>
                    <xdr:rowOff>133350</xdr:rowOff>
                  </from>
                  <to>
                    <xdr:col>6</xdr:col>
                    <xdr:colOff>57150</xdr:colOff>
                    <xdr:row>126</xdr:row>
                    <xdr:rowOff>47625</xdr:rowOff>
                  </to>
                </anchor>
              </controlPr>
            </control>
          </mc:Choice>
        </mc:AlternateContent>
        <mc:AlternateContent xmlns:mc="http://schemas.openxmlformats.org/markup-compatibility/2006">
          <mc:Choice Requires="x14">
            <control shapeId="2581" r:id="rId31" name="Check Box 533">
              <controlPr defaultSize="0" autoFill="0" autoLine="0" autoPict="0">
                <anchor moveWithCells="1">
                  <from>
                    <xdr:col>7</xdr:col>
                    <xdr:colOff>38100</xdr:colOff>
                    <xdr:row>124</xdr:row>
                    <xdr:rowOff>133350</xdr:rowOff>
                  </from>
                  <to>
                    <xdr:col>7</xdr:col>
                    <xdr:colOff>590550</xdr:colOff>
                    <xdr:row>126</xdr:row>
                    <xdr:rowOff>57150</xdr:rowOff>
                  </to>
                </anchor>
              </controlPr>
            </control>
          </mc:Choice>
        </mc:AlternateContent>
        <mc:AlternateContent xmlns:mc="http://schemas.openxmlformats.org/markup-compatibility/2006">
          <mc:Choice Requires="x14">
            <control shapeId="2582" r:id="rId32" name="Check Box 534">
              <controlPr defaultSize="0" autoFill="0" autoLine="0" autoPict="0">
                <anchor moveWithCells="1">
                  <from>
                    <xdr:col>5</xdr:col>
                    <xdr:colOff>142875</xdr:colOff>
                    <xdr:row>128</xdr:row>
                    <xdr:rowOff>133350</xdr:rowOff>
                  </from>
                  <to>
                    <xdr:col>6</xdr:col>
                    <xdr:colOff>57150</xdr:colOff>
                    <xdr:row>130</xdr:row>
                    <xdr:rowOff>47625</xdr:rowOff>
                  </to>
                </anchor>
              </controlPr>
            </control>
          </mc:Choice>
        </mc:AlternateContent>
        <mc:AlternateContent xmlns:mc="http://schemas.openxmlformats.org/markup-compatibility/2006">
          <mc:Choice Requires="x14">
            <control shapeId="2583" r:id="rId33" name="Check Box 535">
              <controlPr defaultSize="0" autoFill="0" autoLine="0" autoPict="0">
                <anchor moveWithCells="1">
                  <from>
                    <xdr:col>7</xdr:col>
                    <xdr:colOff>38100</xdr:colOff>
                    <xdr:row>128</xdr:row>
                    <xdr:rowOff>133350</xdr:rowOff>
                  </from>
                  <to>
                    <xdr:col>7</xdr:col>
                    <xdr:colOff>590550</xdr:colOff>
                    <xdr:row>130</xdr:row>
                    <xdr:rowOff>57150</xdr:rowOff>
                  </to>
                </anchor>
              </controlPr>
            </control>
          </mc:Choice>
        </mc:AlternateContent>
        <mc:AlternateContent xmlns:mc="http://schemas.openxmlformats.org/markup-compatibility/2006">
          <mc:Choice Requires="x14">
            <control shapeId="2584" r:id="rId34" name="Check Box 536">
              <controlPr defaultSize="0" autoFill="0" autoLine="0" autoPict="0">
                <anchor moveWithCells="1">
                  <from>
                    <xdr:col>5</xdr:col>
                    <xdr:colOff>142875</xdr:colOff>
                    <xdr:row>137</xdr:row>
                    <xdr:rowOff>133350</xdr:rowOff>
                  </from>
                  <to>
                    <xdr:col>6</xdr:col>
                    <xdr:colOff>57150</xdr:colOff>
                    <xdr:row>139</xdr:row>
                    <xdr:rowOff>47625</xdr:rowOff>
                  </to>
                </anchor>
              </controlPr>
            </control>
          </mc:Choice>
        </mc:AlternateContent>
        <mc:AlternateContent xmlns:mc="http://schemas.openxmlformats.org/markup-compatibility/2006">
          <mc:Choice Requires="x14">
            <control shapeId="2585" r:id="rId35" name="Check Box 537">
              <controlPr defaultSize="0" autoFill="0" autoLine="0" autoPict="0">
                <anchor moveWithCells="1">
                  <from>
                    <xdr:col>7</xdr:col>
                    <xdr:colOff>38100</xdr:colOff>
                    <xdr:row>137</xdr:row>
                    <xdr:rowOff>133350</xdr:rowOff>
                  </from>
                  <to>
                    <xdr:col>7</xdr:col>
                    <xdr:colOff>590550</xdr:colOff>
                    <xdr:row>139</xdr:row>
                    <xdr:rowOff>57150</xdr:rowOff>
                  </to>
                </anchor>
              </controlPr>
            </control>
          </mc:Choice>
        </mc:AlternateContent>
        <mc:AlternateContent xmlns:mc="http://schemas.openxmlformats.org/markup-compatibility/2006">
          <mc:Choice Requires="x14">
            <control shapeId="2586" r:id="rId36" name="Check Box 538">
              <controlPr defaultSize="0" autoFill="0" autoLine="0" autoPict="0">
                <anchor moveWithCells="1">
                  <from>
                    <xdr:col>5</xdr:col>
                    <xdr:colOff>142875</xdr:colOff>
                    <xdr:row>143</xdr:row>
                    <xdr:rowOff>133350</xdr:rowOff>
                  </from>
                  <to>
                    <xdr:col>6</xdr:col>
                    <xdr:colOff>57150</xdr:colOff>
                    <xdr:row>145</xdr:row>
                    <xdr:rowOff>57150</xdr:rowOff>
                  </to>
                </anchor>
              </controlPr>
            </control>
          </mc:Choice>
        </mc:AlternateContent>
        <mc:AlternateContent xmlns:mc="http://schemas.openxmlformats.org/markup-compatibility/2006">
          <mc:Choice Requires="x14">
            <control shapeId="2587" r:id="rId37" name="Check Box 539">
              <controlPr defaultSize="0" autoFill="0" autoLine="0" autoPict="0">
                <anchor moveWithCells="1">
                  <from>
                    <xdr:col>7</xdr:col>
                    <xdr:colOff>38100</xdr:colOff>
                    <xdr:row>143</xdr:row>
                    <xdr:rowOff>133350</xdr:rowOff>
                  </from>
                  <to>
                    <xdr:col>7</xdr:col>
                    <xdr:colOff>590550</xdr:colOff>
                    <xdr:row>145</xdr:row>
                    <xdr:rowOff>57150</xdr:rowOff>
                  </to>
                </anchor>
              </controlPr>
            </control>
          </mc:Choice>
        </mc:AlternateContent>
        <mc:AlternateContent xmlns:mc="http://schemas.openxmlformats.org/markup-compatibility/2006">
          <mc:Choice Requires="x14">
            <control shapeId="2588" r:id="rId38" name="Check Box 540">
              <controlPr defaultSize="0" autoFill="0" autoLine="0" autoPict="0">
                <anchor moveWithCells="1">
                  <from>
                    <xdr:col>5</xdr:col>
                    <xdr:colOff>142875</xdr:colOff>
                    <xdr:row>146</xdr:row>
                    <xdr:rowOff>133350</xdr:rowOff>
                  </from>
                  <to>
                    <xdr:col>6</xdr:col>
                    <xdr:colOff>57150</xdr:colOff>
                    <xdr:row>148</xdr:row>
                    <xdr:rowOff>57150</xdr:rowOff>
                  </to>
                </anchor>
              </controlPr>
            </control>
          </mc:Choice>
        </mc:AlternateContent>
        <mc:AlternateContent xmlns:mc="http://schemas.openxmlformats.org/markup-compatibility/2006">
          <mc:Choice Requires="x14">
            <control shapeId="2589" r:id="rId39" name="Check Box 541">
              <controlPr defaultSize="0" autoFill="0" autoLine="0" autoPict="0">
                <anchor moveWithCells="1">
                  <from>
                    <xdr:col>7</xdr:col>
                    <xdr:colOff>38100</xdr:colOff>
                    <xdr:row>146</xdr:row>
                    <xdr:rowOff>133350</xdr:rowOff>
                  </from>
                  <to>
                    <xdr:col>7</xdr:col>
                    <xdr:colOff>590550</xdr:colOff>
                    <xdr:row>148</xdr:row>
                    <xdr:rowOff>57150</xdr:rowOff>
                  </to>
                </anchor>
              </controlPr>
            </control>
          </mc:Choice>
        </mc:AlternateContent>
        <mc:AlternateContent xmlns:mc="http://schemas.openxmlformats.org/markup-compatibility/2006">
          <mc:Choice Requires="x14">
            <control shapeId="2590" r:id="rId40" name="Check Box 542">
              <controlPr defaultSize="0" autoFill="0" autoLine="0" autoPict="0">
                <anchor moveWithCells="1">
                  <from>
                    <xdr:col>5</xdr:col>
                    <xdr:colOff>142875</xdr:colOff>
                    <xdr:row>151</xdr:row>
                    <xdr:rowOff>76200</xdr:rowOff>
                  </from>
                  <to>
                    <xdr:col>6</xdr:col>
                    <xdr:colOff>57150</xdr:colOff>
                    <xdr:row>152</xdr:row>
                    <xdr:rowOff>171450</xdr:rowOff>
                  </to>
                </anchor>
              </controlPr>
            </control>
          </mc:Choice>
        </mc:AlternateContent>
        <mc:AlternateContent xmlns:mc="http://schemas.openxmlformats.org/markup-compatibility/2006">
          <mc:Choice Requires="x14">
            <control shapeId="2591" r:id="rId41" name="Check Box 543">
              <controlPr defaultSize="0" autoFill="0" autoLine="0" autoPict="0">
                <anchor moveWithCells="1">
                  <from>
                    <xdr:col>7</xdr:col>
                    <xdr:colOff>19050</xdr:colOff>
                    <xdr:row>151</xdr:row>
                    <xdr:rowOff>66675</xdr:rowOff>
                  </from>
                  <to>
                    <xdr:col>7</xdr:col>
                    <xdr:colOff>571500</xdr:colOff>
                    <xdr:row>152</xdr:row>
                    <xdr:rowOff>171450</xdr:rowOff>
                  </to>
                </anchor>
              </controlPr>
            </control>
          </mc:Choice>
        </mc:AlternateContent>
        <mc:AlternateContent xmlns:mc="http://schemas.openxmlformats.org/markup-compatibility/2006">
          <mc:Choice Requires="x14">
            <control shapeId="2592" r:id="rId42" name="Check Box 544">
              <controlPr defaultSize="0" autoFill="0" autoLine="0" autoPict="0">
                <anchor moveWithCells="1">
                  <from>
                    <xdr:col>5</xdr:col>
                    <xdr:colOff>142875</xdr:colOff>
                    <xdr:row>153</xdr:row>
                    <xdr:rowOff>133350</xdr:rowOff>
                  </from>
                  <to>
                    <xdr:col>6</xdr:col>
                    <xdr:colOff>57150</xdr:colOff>
                    <xdr:row>155</xdr:row>
                    <xdr:rowOff>47625</xdr:rowOff>
                  </to>
                </anchor>
              </controlPr>
            </control>
          </mc:Choice>
        </mc:AlternateContent>
        <mc:AlternateContent xmlns:mc="http://schemas.openxmlformats.org/markup-compatibility/2006">
          <mc:Choice Requires="x14">
            <control shapeId="2593" r:id="rId43" name="Check Box 545">
              <controlPr defaultSize="0" autoFill="0" autoLine="0" autoPict="0">
                <anchor moveWithCells="1">
                  <from>
                    <xdr:col>7</xdr:col>
                    <xdr:colOff>38100</xdr:colOff>
                    <xdr:row>153</xdr:row>
                    <xdr:rowOff>133350</xdr:rowOff>
                  </from>
                  <to>
                    <xdr:col>7</xdr:col>
                    <xdr:colOff>590550</xdr:colOff>
                    <xdr:row>155</xdr:row>
                    <xdr:rowOff>57150</xdr:rowOff>
                  </to>
                </anchor>
              </controlPr>
            </control>
          </mc:Choice>
        </mc:AlternateContent>
        <mc:AlternateContent xmlns:mc="http://schemas.openxmlformats.org/markup-compatibility/2006">
          <mc:Choice Requires="x14">
            <control shapeId="2594" r:id="rId44" name="Check Box 546">
              <controlPr defaultSize="0" autoFill="0" autoLine="0" autoPict="0">
                <anchor moveWithCells="1">
                  <from>
                    <xdr:col>5</xdr:col>
                    <xdr:colOff>142875</xdr:colOff>
                    <xdr:row>156</xdr:row>
                    <xdr:rowOff>133350</xdr:rowOff>
                  </from>
                  <to>
                    <xdr:col>6</xdr:col>
                    <xdr:colOff>57150</xdr:colOff>
                    <xdr:row>158</xdr:row>
                    <xdr:rowOff>47625</xdr:rowOff>
                  </to>
                </anchor>
              </controlPr>
            </control>
          </mc:Choice>
        </mc:AlternateContent>
        <mc:AlternateContent xmlns:mc="http://schemas.openxmlformats.org/markup-compatibility/2006">
          <mc:Choice Requires="x14">
            <control shapeId="2595" r:id="rId45" name="Check Box 547">
              <controlPr defaultSize="0" autoFill="0" autoLine="0" autoPict="0">
                <anchor moveWithCells="1">
                  <from>
                    <xdr:col>7</xdr:col>
                    <xdr:colOff>38100</xdr:colOff>
                    <xdr:row>156</xdr:row>
                    <xdr:rowOff>133350</xdr:rowOff>
                  </from>
                  <to>
                    <xdr:col>7</xdr:col>
                    <xdr:colOff>590550</xdr:colOff>
                    <xdr:row>158</xdr:row>
                    <xdr:rowOff>57150</xdr:rowOff>
                  </to>
                </anchor>
              </controlPr>
            </control>
          </mc:Choice>
        </mc:AlternateContent>
        <mc:AlternateContent xmlns:mc="http://schemas.openxmlformats.org/markup-compatibility/2006">
          <mc:Choice Requires="x14">
            <control shapeId="2596" r:id="rId46" name="Check Box 548">
              <controlPr defaultSize="0" autoFill="0" autoLine="0" autoPict="0">
                <anchor moveWithCells="1">
                  <from>
                    <xdr:col>5</xdr:col>
                    <xdr:colOff>142875</xdr:colOff>
                    <xdr:row>161</xdr:row>
                    <xdr:rowOff>133350</xdr:rowOff>
                  </from>
                  <to>
                    <xdr:col>6</xdr:col>
                    <xdr:colOff>57150</xdr:colOff>
                    <xdr:row>163</xdr:row>
                    <xdr:rowOff>47625</xdr:rowOff>
                  </to>
                </anchor>
              </controlPr>
            </control>
          </mc:Choice>
        </mc:AlternateContent>
        <mc:AlternateContent xmlns:mc="http://schemas.openxmlformats.org/markup-compatibility/2006">
          <mc:Choice Requires="x14">
            <control shapeId="2597" r:id="rId47" name="Check Box 549">
              <controlPr defaultSize="0" autoFill="0" autoLine="0" autoPict="0">
                <anchor moveWithCells="1">
                  <from>
                    <xdr:col>7</xdr:col>
                    <xdr:colOff>38100</xdr:colOff>
                    <xdr:row>161</xdr:row>
                    <xdr:rowOff>133350</xdr:rowOff>
                  </from>
                  <to>
                    <xdr:col>7</xdr:col>
                    <xdr:colOff>590550</xdr:colOff>
                    <xdr:row>163</xdr:row>
                    <xdr:rowOff>57150</xdr:rowOff>
                  </to>
                </anchor>
              </controlPr>
            </control>
          </mc:Choice>
        </mc:AlternateContent>
        <mc:AlternateContent xmlns:mc="http://schemas.openxmlformats.org/markup-compatibility/2006">
          <mc:Choice Requires="x14">
            <control shapeId="2598" r:id="rId48" name="Check Box 550">
              <controlPr defaultSize="0" autoFill="0" autoLine="0" autoPict="0">
                <anchor moveWithCells="1">
                  <from>
                    <xdr:col>5</xdr:col>
                    <xdr:colOff>142875</xdr:colOff>
                    <xdr:row>164</xdr:row>
                    <xdr:rowOff>133350</xdr:rowOff>
                  </from>
                  <to>
                    <xdr:col>6</xdr:col>
                    <xdr:colOff>57150</xdr:colOff>
                    <xdr:row>166</xdr:row>
                    <xdr:rowOff>47625</xdr:rowOff>
                  </to>
                </anchor>
              </controlPr>
            </control>
          </mc:Choice>
        </mc:AlternateContent>
        <mc:AlternateContent xmlns:mc="http://schemas.openxmlformats.org/markup-compatibility/2006">
          <mc:Choice Requires="x14">
            <control shapeId="2599" r:id="rId49" name="Check Box 551">
              <controlPr defaultSize="0" autoFill="0" autoLine="0" autoPict="0">
                <anchor moveWithCells="1">
                  <from>
                    <xdr:col>7</xdr:col>
                    <xdr:colOff>38100</xdr:colOff>
                    <xdr:row>164</xdr:row>
                    <xdr:rowOff>133350</xdr:rowOff>
                  </from>
                  <to>
                    <xdr:col>7</xdr:col>
                    <xdr:colOff>590550</xdr:colOff>
                    <xdr:row>166</xdr:row>
                    <xdr:rowOff>57150</xdr:rowOff>
                  </to>
                </anchor>
              </controlPr>
            </control>
          </mc:Choice>
        </mc:AlternateContent>
        <mc:AlternateContent xmlns:mc="http://schemas.openxmlformats.org/markup-compatibility/2006">
          <mc:Choice Requires="x14">
            <control shapeId="2600" r:id="rId50" name="Check Box 552">
              <controlPr defaultSize="0" autoFill="0" autoLine="0" autoPict="0">
                <anchor moveWithCells="1">
                  <from>
                    <xdr:col>5</xdr:col>
                    <xdr:colOff>142875</xdr:colOff>
                    <xdr:row>167</xdr:row>
                    <xdr:rowOff>133350</xdr:rowOff>
                  </from>
                  <to>
                    <xdr:col>6</xdr:col>
                    <xdr:colOff>57150</xdr:colOff>
                    <xdr:row>169</xdr:row>
                    <xdr:rowOff>47625</xdr:rowOff>
                  </to>
                </anchor>
              </controlPr>
            </control>
          </mc:Choice>
        </mc:AlternateContent>
        <mc:AlternateContent xmlns:mc="http://schemas.openxmlformats.org/markup-compatibility/2006">
          <mc:Choice Requires="x14">
            <control shapeId="2601" r:id="rId51" name="Check Box 553">
              <controlPr defaultSize="0" autoFill="0" autoLine="0" autoPict="0">
                <anchor moveWithCells="1">
                  <from>
                    <xdr:col>7</xdr:col>
                    <xdr:colOff>38100</xdr:colOff>
                    <xdr:row>167</xdr:row>
                    <xdr:rowOff>133350</xdr:rowOff>
                  </from>
                  <to>
                    <xdr:col>7</xdr:col>
                    <xdr:colOff>590550</xdr:colOff>
                    <xdr:row>169</xdr:row>
                    <xdr:rowOff>57150</xdr:rowOff>
                  </to>
                </anchor>
              </controlPr>
            </control>
          </mc:Choice>
        </mc:AlternateContent>
        <mc:AlternateContent xmlns:mc="http://schemas.openxmlformats.org/markup-compatibility/2006">
          <mc:Choice Requires="x14">
            <control shapeId="2602" r:id="rId52" name="Check Box 554">
              <controlPr defaultSize="0" autoFill="0" autoLine="0" autoPict="0">
                <anchor moveWithCells="1">
                  <from>
                    <xdr:col>5</xdr:col>
                    <xdr:colOff>142875</xdr:colOff>
                    <xdr:row>170</xdr:row>
                    <xdr:rowOff>133350</xdr:rowOff>
                  </from>
                  <to>
                    <xdr:col>6</xdr:col>
                    <xdr:colOff>57150</xdr:colOff>
                    <xdr:row>172</xdr:row>
                    <xdr:rowOff>47625</xdr:rowOff>
                  </to>
                </anchor>
              </controlPr>
            </control>
          </mc:Choice>
        </mc:AlternateContent>
        <mc:AlternateContent xmlns:mc="http://schemas.openxmlformats.org/markup-compatibility/2006">
          <mc:Choice Requires="x14">
            <control shapeId="2603" r:id="rId53" name="Check Box 555">
              <controlPr defaultSize="0" autoFill="0" autoLine="0" autoPict="0">
                <anchor moveWithCells="1">
                  <from>
                    <xdr:col>7</xdr:col>
                    <xdr:colOff>38100</xdr:colOff>
                    <xdr:row>170</xdr:row>
                    <xdr:rowOff>133350</xdr:rowOff>
                  </from>
                  <to>
                    <xdr:col>7</xdr:col>
                    <xdr:colOff>590550</xdr:colOff>
                    <xdr:row>172</xdr:row>
                    <xdr:rowOff>57150</xdr:rowOff>
                  </to>
                </anchor>
              </controlPr>
            </control>
          </mc:Choice>
        </mc:AlternateContent>
        <mc:AlternateContent xmlns:mc="http://schemas.openxmlformats.org/markup-compatibility/2006">
          <mc:Choice Requires="x14">
            <control shapeId="2604" r:id="rId54" name="Check Box 556">
              <controlPr defaultSize="0" autoFill="0" autoLine="0" autoPict="0">
                <anchor moveWithCells="1">
                  <from>
                    <xdr:col>5</xdr:col>
                    <xdr:colOff>142875</xdr:colOff>
                    <xdr:row>173</xdr:row>
                    <xdr:rowOff>133350</xdr:rowOff>
                  </from>
                  <to>
                    <xdr:col>6</xdr:col>
                    <xdr:colOff>57150</xdr:colOff>
                    <xdr:row>175</xdr:row>
                    <xdr:rowOff>47625</xdr:rowOff>
                  </to>
                </anchor>
              </controlPr>
            </control>
          </mc:Choice>
        </mc:AlternateContent>
        <mc:AlternateContent xmlns:mc="http://schemas.openxmlformats.org/markup-compatibility/2006">
          <mc:Choice Requires="x14">
            <control shapeId="2605" r:id="rId55" name="Check Box 557">
              <controlPr defaultSize="0" autoFill="0" autoLine="0" autoPict="0">
                <anchor moveWithCells="1">
                  <from>
                    <xdr:col>7</xdr:col>
                    <xdr:colOff>38100</xdr:colOff>
                    <xdr:row>173</xdr:row>
                    <xdr:rowOff>133350</xdr:rowOff>
                  </from>
                  <to>
                    <xdr:col>7</xdr:col>
                    <xdr:colOff>590550</xdr:colOff>
                    <xdr:row>175</xdr:row>
                    <xdr:rowOff>57150</xdr:rowOff>
                  </to>
                </anchor>
              </controlPr>
            </control>
          </mc:Choice>
        </mc:AlternateContent>
        <mc:AlternateContent xmlns:mc="http://schemas.openxmlformats.org/markup-compatibility/2006">
          <mc:Choice Requires="x14">
            <control shapeId="2606" r:id="rId56" name="Check Box 558">
              <controlPr defaultSize="0" autoFill="0" autoLine="0" autoPict="0">
                <anchor moveWithCells="1">
                  <from>
                    <xdr:col>5</xdr:col>
                    <xdr:colOff>142875</xdr:colOff>
                    <xdr:row>176</xdr:row>
                    <xdr:rowOff>133350</xdr:rowOff>
                  </from>
                  <to>
                    <xdr:col>6</xdr:col>
                    <xdr:colOff>57150</xdr:colOff>
                    <xdr:row>177</xdr:row>
                    <xdr:rowOff>28575</xdr:rowOff>
                  </to>
                </anchor>
              </controlPr>
            </control>
          </mc:Choice>
        </mc:AlternateContent>
        <mc:AlternateContent xmlns:mc="http://schemas.openxmlformats.org/markup-compatibility/2006">
          <mc:Choice Requires="x14">
            <control shapeId="2607" r:id="rId57" name="Check Box 559">
              <controlPr defaultSize="0" autoFill="0" autoLine="0" autoPict="0">
                <anchor moveWithCells="1">
                  <from>
                    <xdr:col>7</xdr:col>
                    <xdr:colOff>38100</xdr:colOff>
                    <xdr:row>176</xdr:row>
                    <xdr:rowOff>133350</xdr:rowOff>
                  </from>
                  <to>
                    <xdr:col>7</xdr:col>
                    <xdr:colOff>590550</xdr:colOff>
                    <xdr:row>177</xdr:row>
                    <xdr:rowOff>38100</xdr:rowOff>
                  </to>
                </anchor>
              </controlPr>
            </control>
          </mc:Choice>
        </mc:AlternateContent>
        <mc:AlternateContent xmlns:mc="http://schemas.openxmlformats.org/markup-compatibility/2006">
          <mc:Choice Requires="x14">
            <control shapeId="2608" r:id="rId58" name="Check Box 560">
              <controlPr defaultSize="0" autoFill="0" autoLine="0" autoPict="0">
                <anchor moveWithCells="1">
                  <from>
                    <xdr:col>5</xdr:col>
                    <xdr:colOff>142875</xdr:colOff>
                    <xdr:row>180</xdr:row>
                    <xdr:rowOff>133350</xdr:rowOff>
                  </from>
                  <to>
                    <xdr:col>6</xdr:col>
                    <xdr:colOff>57150</xdr:colOff>
                    <xdr:row>182</xdr:row>
                    <xdr:rowOff>47625</xdr:rowOff>
                  </to>
                </anchor>
              </controlPr>
            </control>
          </mc:Choice>
        </mc:AlternateContent>
        <mc:AlternateContent xmlns:mc="http://schemas.openxmlformats.org/markup-compatibility/2006">
          <mc:Choice Requires="x14">
            <control shapeId="2609" r:id="rId59" name="Check Box 561">
              <controlPr defaultSize="0" autoFill="0" autoLine="0" autoPict="0">
                <anchor moveWithCells="1">
                  <from>
                    <xdr:col>7</xdr:col>
                    <xdr:colOff>38100</xdr:colOff>
                    <xdr:row>180</xdr:row>
                    <xdr:rowOff>133350</xdr:rowOff>
                  </from>
                  <to>
                    <xdr:col>7</xdr:col>
                    <xdr:colOff>590550</xdr:colOff>
                    <xdr:row>182</xdr:row>
                    <xdr:rowOff>57150</xdr:rowOff>
                  </to>
                </anchor>
              </controlPr>
            </control>
          </mc:Choice>
        </mc:AlternateContent>
        <mc:AlternateContent xmlns:mc="http://schemas.openxmlformats.org/markup-compatibility/2006">
          <mc:Choice Requires="x14">
            <control shapeId="2640" r:id="rId60" name="Check Box 592">
              <controlPr defaultSize="0" autoFill="0" autoLine="0" autoPict="0">
                <anchor moveWithCells="1">
                  <from>
                    <xdr:col>5</xdr:col>
                    <xdr:colOff>161925</xdr:colOff>
                    <xdr:row>112</xdr:row>
                    <xdr:rowOff>0</xdr:rowOff>
                  </from>
                  <to>
                    <xdr:col>6</xdr:col>
                    <xdr:colOff>76200</xdr:colOff>
                    <xdr:row>113</xdr:row>
                    <xdr:rowOff>95250</xdr:rowOff>
                  </to>
                </anchor>
              </controlPr>
            </control>
          </mc:Choice>
        </mc:AlternateContent>
        <mc:AlternateContent xmlns:mc="http://schemas.openxmlformats.org/markup-compatibility/2006">
          <mc:Choice Requires="x14">
            <control shapeId="2641" r:id="rId61" name="Check Box 593">
              <controlPr defaultSize="0" autoFill="0" autoLine="0" autoPict="0">
                <anchor moveWithCells="1">
                  <from>
                    <xdr:col>7</xdr:col>
                    <xdr:colOff>38100</xdr:colOff>
                    <xdr:row>111</xdr:row>
                    <xdr:rowOff>152400</xdr:rowOff>
                  </from>
                  <to>
                    <xdr:col>7</xdr:col>
                    <xdr:colOff>590550</xdr:colOff>
                    <xdr:row>113</xdr:row>
                    <xdr:rowOff>76200</xdr:rowOff>
                  </to>
                </anchor>
              </controlPr>
            </control>
          </mc:Choice>
        </mc:AlternateContent>
        <mc:AlternateContent xmlns:mc="http://schemas.openxmlformats.org/markup-compatibility/2006">
          <mc:Choice Requires="x14">
            <control shapeId="2642" r:id="rId62" name="Check Box 594">
              <controlPr defaultSize="0" autoFill="0" autoLine="0" autoPict="0">
                <anchor moveWithCells="1">
                  <from>
                    <xdr:col>5</xdr:col>
                    <xdr:colOff>142875</xdr:colOff>
                    <xdr:row>119</xdr:row>
                    <xdr:rowOff>133350</xdr:rowOff>
                  </from>
                  <to>
                    <xdr:col>6</xdr:col>
                    <xdr:colOff>57150</xdr:colOff>
                    <xdr:row>121</xdr:row>
                    <xdr:rowOff>47625</xdr:rowOff>
                  </to>
                </anchor>
              </controlPr>
            </control>
          </mc:Choice>
        </mc:AlternateContent>
        <mc:AlternateContent xmlns:mc="http://schemas.openxmlformats.org/markup-compatibility/2006">
          <mc:Choice Requires="x14">
            <control shapeId="2643" r:id="rId63" name="Check Box 595">
              <controlPr defaultSize="0" autoFill="0" autoLine="0" autoPict="0">
                <anchor moveWithCells="1">
                  <from>
                    <xdr:col>7</xdr:col>
                    <xdr:colOff>38100</xdr:colOff>
                    <xdr:row>119</xdr:row>
                    <xdr:rowOff>133350</xdr:rowOff>
                  </from>
                  <to>
                    <xdr:col>7</xdr:col>
                    <xdr:colOff>590550</xdr:colOff>
                    <xdr:row>121</xdr:row>
                    <xdr:rowOff>57150</xdr:rowOff>
                  </to>
                </anchor>
              </controlPr>
            </control>
          </mc:Choice>
        </mc:AlternateContent>
        <mc:AlternateContent xmlns:mc="http://schemas.openxmlformats.org/markup-compatibility/2006">
          <mc:Choice Requires="x14">
            <control shapeId="2647" r:id="rId64" name="Check Box 599">
              <controlPr defaultSize="0" autoFill="0" autoLine="0" autoPict="0">
                <anchor moveWithCells="1">
                  <from>
                    <xdr:col>5</xdr:col>
                    <xdr:colOff>19050</xdr:colOff>
                    <xdr:row>136</xdr:row>
                    <xdr:rowOff>9525</xdr:rowOff>
                  </from>
                  <to>
                    <xdr:col>7</xdr:col>
                    <xdr:colOff>409575</xdr:colOff>
                    <xdr:row>136</xdr:row>
                    <xdr:rowOff>285750</xdr:rowOff>
                  </to>
                </anchor>
              </controlPr>
            </control>
          </mc:Choice>
        </mc:AlternateContent>
        <mc:AlternateContent xmlns:mc="http://schemas.openxmlformats.org/markup-compatibility/2006">
          <mc:Choice Requires="x14">
            <control shapeId="2651" r:id="rId65" name="Check Box 603">
              <controlPr defaultSize="0" autoFill="0" autoLine="0" autoPict="0">
                <anchor moveWithCells="1">
                  <from>
                    <xdr:col>5</xdr:col>
                    <xdr:colOff>133350</xdr:colOff>
                    <xdr:row>142</xdr:row>
                    <xdr:rowOff>133350</xdr:rowOff>
                  </from>
                  <to>
                    <xdr:col>7</xdr:col>
                    <xdr:colOff>523875</xdr:colOff>
                    <xdr:row>144</xdr:row>
                    <xdr:rowOff>47625</xdr:rowOff>
                  </to>
                </anchor>
              </controlPr>
            </control>
          </mc:Choice>
        </mc:AlternateContent>
        <mc:AlternateContent xmlns:mc="http://schemas.openxmlformats.org/markup-compatibility/2006">
          <mc:Choice Requires="x14">
            <control shapeId="2653" r:id="rId66" name="Check Box 605">
              <controlPr defaultSize="0" autoFill="0" autoLine="0" autoPict="0">
                <anchor moveWithCells="1">
                  <from>
                    <xdr:col>4</xdr:col>
                    <xdr:colOff>666750</xdr:colOff>
                    <xdr:row>149</xdr:row>
                    <xdr:rowOff>171450</xdr:rowOff>
                  </from>
                  <to>
                    <xdr:col>7</xdr:col>
                    <xdr:colOff>590550</xdr:colOff>
                    <xdr:row>151</xdr:row>
                    <xdr:rowOff>133350</xdr:rowOff>
                  </to>
                </anchor>
              </controlPr>
            </control>
          </mc:Choice>
        </mc:AlternateContent>
        <mc:AlternateContent xmlns:mc="http://schemas.openxmlformats.org/markup-compatibility/2006">
          <mc:Choice Requires="x14">
            <control shapeId="2654" r:id="rId67" name="Check Box 606">
              <controlPr defaultSize="0" autoFill="0" autoLine="0" autoPict="0">
                <anchor moveWithCells="1">
                  <from>
                    <xdr:col>5</xdr:col>
                    <xdr:colOff>142875</xdr:colOff>
                    <xdr:row>177</xdr:row>
                    <xdr:rowOff>114300</xdr:rowOff>
                  </from>
                  <to>
                    <xdr:col>7</xdr:col>
                    <xdr:colOff>533400</xdr:colOff>
                    <xdr:row>177</xdr:row>
                    <xdr:rowOff>390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T306"/>
  <sheetViews>
    <sheetView tabSelected="1" view="pageBreakPreview" topLeftCell="A263" zoomScaleNormal="100" zoomScaleSheetLayoutView="100" workbookViewId="0">
      <selection activeCell="L275" sqref="L275"/>
    </sheetView>
  </sheetViews>
  <sheetFormatPr defaultColWidth="9.125" defaultRowHeight="14.25"/>
  <cols>
    <col min="1" max="1" width="9.125" style="52"/>
    <col min="2" max="2" width="8.875" style="52" customWidth="1"/>
    <col min="3" max="4" width="9.125" style="52"/>
    <col min="5" max="5" width="9" style="52" customWidth="1"/>
    <col min="6" max="7" width="9.125" style="54"/>
    <col min="8" max="8" width="8.25" style="86" customWidth="1"/>
    <col min="9" max="9" width="9.125" style="86"/>
    <col min="10" max="10" width="9.125" style="52" customWidth="1"/>
    <col min="11" max="16384" width="9.125" style="52"/>
  </cols>
  <sheetData>
    <row r="1" spans="1:13" ht="18" customHeight="1">
      <c r="A1" s="460" t="s">
        <v>247</v>
      </c>
      <c r="B1" s="460"/>
      <c r="C1" s="460"/>
      <c r="D1" s="460"/>
      <c r="E1" s="95"/>
      <c r="F1" s="83"/>
      <c r="G1" s="83"/>
      <c r="H1" s="96"/>
      <c r="I1" s="96"/>
    </row>
    <row r="2" spans="1:13" ht="14.1" customHeight="1">
      <c r="A2" s="531" t="s">
        <v>159</v>
      </c>
      <c r="B2" s="531"/>
      <c r="C2" s="531"/>
      <c r="D2" s="531"/>
      <c r="E2" s="531"/>
      <c r="F2" s="532" t="s">
        <v>158</v>
      </c>
      <c r="G2" s="532"/>
      <c r="H2" s="533"/>
      <c r="I2" s="538" t="s">
        <v>0</v>
      </c>
      <c r="K2"/>
    </row>
    <row r="3" spans="1:13" ht="14.1" customHeight="1">
      <c r="A3" s="531"/>
      <c r="B3" s="531"/>
      <c r="C3" s="531"/>
      <c r="D3" s="531"/>
      <c r="E3" s="531"/>
      <c r="F3" s="534"/>
      <c r="G3" s="534"/>
      <c r="H3" s="535"/>
      <c r="I3" s="539"/>
    </row>
    <row r="4" spans="1:13" ht="14.1" customHeight="1">
      <c r="A4" s="531"/>
      <c r="B4" s="531"/>
      <c r="C4" s="531"/>
      <c r="D4" s="531"/>
      <c r="E4" s="531"/>
      <c r="F4" s="536"/>
      <c r="G4" s="536"/>
      <c r="H4" s="537"/>
      <c r="I4" s="540"/>
    </row>
    <row r="5" spans="1:13" customFormat="1" ht="18" customHeight="1">
      <c r="A5" s="128" t="s">
        <v>249</v>
      </c>
      <c r="B5" s="121"/>
      <c r="C5" s="121"/>
      <c r="D5" s="121"/>
      <c r="E5" s="121"/>
      <c r="F5" s="122"/>
      <c r="G5" s="122"/>
      <c r="H5" s="118"/>
      <c r="I5" s="126"/>
    </row>
    <row r="6" spans="1:13" customFormat="1" ht="18" customHeight="1">
      <c r="A6" s="129" t="s">
        <v>248</v>
      </c>
      <c r="B6" s="130"/>
      <c r="C6" s="130"/>
      <c r="D6" s="130"/>
      <c r="E6" s="130"/>
      <c r="F6" s="123"/>
      <c r="G6" s="123"/>
      <c r="H6" s="119"/>
      <c r="I6" s="124"/>
    </row>
    <row r="7" spans="1:13" customFormat="1" ht="14.45" customHeight="1">
      <c r="A7" s="596" t="s">
        <v>286</v>
      </c>
      <c r="B7" s="596"/>
      <c r="C7" s="596"/>
      <c r="D7" s="596"/>
      <c r="E7" s="596"/>
      <c r="F7" s="555"/>
      <c r="G7" s="555"/>
      <c r="H7" s="555"/>
      <c r="I7" s="552" t="s">
        <v>278</v>
      </c>
      <c r="K7" s="52"/>
      <c r="L7" s="52"/>
      <c r="M7" s="52"/>
    </row>
    <row r="8" spans="1:13" customFormat="1" ht="14.45" customHeight="1">
      <c r="A8" s="596"/>
      <c r="B8" s="596"/>
      <c r="C8" s="596"/>
      <c r="D8" s="596"/>
      <c r="E8" s="596"/>
      <c r="F8" s="555"/>
      <c r="G8" s="555"/>
      <c r="H8" s="555"/>
      <c r="I8" s="553"/>
      <c r="K8" s="52"/>
      <c r="L8" s="52"/>
      <c r="M8" s="52"/>
    </row>
    <row r="9" spans="1:13" customFormat="1" ht="14.45" customHeight="1">
      <c r="A9" s="596"/>
      <c r="B9" s="596"/>
      <c r="C9" s="590"/>
      <c r="D9" s="590"/>
      <c r="E9" s="590"/>
      <c r="F9" s="595"/>
      <c r="G9" s="595"/>
      <c r="H9" s="595"/>
      <c r="I9" s="475"/>
      <c r="K9" s="52"/>
      <c r="L9" s="52"/>
      <c r="M9" s="52"/>
    </row>
    <row r="10" spans="1:13" customFormat="1">
      <c r="A10" s="596"/>
      <c r="B10" s="596"/>
      <c r="C10" s="596"/>
      <c r="D10" s="596"/>
      <c r="E10" s="596"/>
      <c r="F10" s="555"/>
      <c r="G10" s="555"/>
      <c r="H10" s="555"/>
      <c r="I10" s="553"/>
      <c r="K10" s="52"/>
      <c r="L10" s="52"/>
      <c r="M10" s="52"/>
    </row>
    <row r="11" spans="1:13" customFormat="1">
      <c r="A11" s="596"/>
      <c r="B11" s="596"/>
      <c r="C11" s="596"/>
      <c r="D11" s="596"/>
      <c r="E11" s="596"/>
      <c r="F11" s="555"/>
      <c r="G11" s="555"/>
      <c r="H11" s="555"/>
      <c r="I11" s="553"/>
      <c r="J11" s="1"/>
      <c r="K11" s="52"/>
      <c r="L11" s="52"/>
      <c r="M11" s="52"/>
    </row>
    <row r="12" spans="1:13" customFormat="1" ht="14.45" customHeight="1">
      <c r="A12" s="596" t="s">
        <v>188</v>
      </c>
      <c r="B12" s="596"/>
      <c r="C12" s="596"/>
      <c r="D12" s="596"/>
      <c r="E12" s="596"/>
      <c r="F12" s="555"/>
      <c r="G12" s="555"/>
      <c r="H12" s="555"/>
      <c r="I12" s="553"/>
      <c r="K12" s="52"/>
      <c r="L12" s="52"/>
      <c r="M12" s="52"/>
    </row>
    <row r="13" spans="1:13" customFormat="1" ht="14.45" customHeight="1">
      <c r="A13" s="596"/>
      <c r="B13" s="596"/>
      <c r="C13" s="596"/>
      <c r="D13" s="596"/>
      <c r="E13" s="596"/>
      <c r="F13" s="555"/>
      <c r="G13" s="555"/>
      <c r="H13" s="555"/>
      <c r="I13" s="553"/>
      <c r="K13" s="52"/>
      <c r="L13" s="52"/>
      <c r="M13" s="52"/>
    </row>
    <row r="14" spans="1:13" customFormat="1" ht="14.45" customHeight="1">
      <c r="A14" s="596"/>
      <c r="B14" s="596"/>
      <c r="C14" s="596"/>
      <c r="D14" s="596"/>
      <c r="E14" s="596"/>
      <c r="F14" s="555"/>
      <c r="G14" s="555"/>
      <c r="H14" s="555"/>
      <c r="I14" s="553"/>
      <c r="K14" s="52"/>
      <c r="L14" s="52"/>
      <c r="M14" s="52"/>
    </row>
    <row r="15" spans="1:13" customFormat="1">
      <c r="A15" s="596"/>
      <c r="B15" s="596"/>
      <c r="C15" s="596"/>
      <c r="D15" s="596"/>
      <c r="E15" s="596"/>
      <c r="F15" s="555"/>
      <c r="G15" s="555"/>
      <c r="H15" s="555"/>
      <c r="I15" s="553"/>
      <c r="K15" s="52"/>
      <c r="L15" s="52"/>
      <c r="M15" s="52"/>
    </row>
    <row r="16" spans="1:13" customFormat="1">
      <c r="A16" s="596"/>
      <c r="B16" s="596"/>
      <c r="C16" s="596"/>
      <c r="D16" s="596"/>
      <c r="E16" s="596"/>
      <c r="F16" s="555"/>
      <c r="G16" s="555"/>
      <c r="H16" s="555"/>
      <c r="I16" s="553"/>
      <c r="K16" s="52"/>
      <c r="L16" s="52"/>
      <c r="M16" s="52"/>
    </row>
    <row r="17" spans="1:13" customFormat="1" ht="14.45" customHeight="1">
      <c r="A17" s="596" t="s">
        <v>287</v>
      </c>
      <c r="B17" s="596"/>
      <c r="C17" s="596"/>
      <c r="D17" s="596"/>
      <c r="E17" s="596"/>
      <c r="F17" s="555"/>
      <c r="G17" s="555"/>
      <c r="H17" s="555"/>
      <c r="I17" s="553"/>
      <c r="K17" s="52"/>
      <c r="L17" s="52"/>
      <c r="M17" s="52"/>
    </row>
    <row r="18" spans="1:13" customFormat="1">
      <c r="A18" s="596"/>
      <c r="B18" s="596"/>
      <c r="C18" s="596"/>
      <c r="D18" s="596"/>
      <c r="E18" s="596"/>
      <c r="F18" s="555"/>
      <c r="G18" s="555"/>
      <c r="H18" s="555"/>
      <c r="I18" s="553"/>
      <c r="K18" s="52"/>
      <c r="L18" s="52"/>
      <c r="M18" s="52"/>
    </row>
    <row r="19" spans="1:13" customFormat="1">
      <c r="A19" s="596"/>
      <c r="B19" s="596"/>
      <c r="C19" s="596"/>
      <c r="D19" s="596"/>
      <c r="E19" s="596"/>
      <c r="F19" s="555"/>
      <c r="G19" s="555"/>
      <c r="H19" s="555"/>
      <c r="I19" s="553"/>
      <c r="K19" s="52"/>
      <c r="L19" s="52"/>
      <c r="M19" s="52"/>
    </row>
    <row r="20" spans="1:13" customFormat="1" ht="14.45" customHeight="1">
      <c r="A20" s="596" t="s">
        <v>459</v>
      </c>
      <c r="B20" s="596"/>
      <c r="C20" s="596"/>
      <c r="D20" s="596"/>
      <c r="E20" s="596"/>
      <c r="F20" s="555"/>
      <c r="G20" s="555"/>
      <c r="H20" s="555"/>
      <c r="I20" s="553"/>
      <c r="K20" s="52"/>
      <c r="L20" s="52"/>
      <c r="M20" s="52"/>
    </row>
    <row r="21" spans="1:13" customFormat="1">
      <c r="A21" s="596"/>
      <c r="B21" s="596"/>
      <c r="C21" s="596"/>
      <c r="D21" s="596"/>
      <c r="E21" s="596"/>
      <c r="F21" s="555"/>
      <c r="G21" s="555"/>
      <c r="H21" s="555"/>
      <c r="I21" s="553"/>
      <c r="K21" s="52"/>
      <c r="L21" s="52"/>
      <c r="M21" s="52"/>
    </row>
    <row r="22" spans="1:13" customFormat="1">
      <c r="A22" s="596"/>
      <c r="B22" s="596"/>
      <c r="C22" s="596"/>
      <c r="D22" s="596"/>
      <c r="E22" s="596"/>
      <c r="F22" s="555"/>
      <c r="G22" s="555"/>
      <c r="H22" s="555"/>
      <c r="I22" s="553"/>
      <c r="K22" s="52"/>
      <c r="L22" s="52"/>
      <c r="M22" s="52"/>
    </row>
    <row r="23" spans="1:13" customFormat="1" ht="14.45" customHeight="1">
      <c r="A23" s="596" t="s">
        <v>245</v>
      </c>
      <c r="B23" s="596"/>
      <c r="C23" s="596"/>
      <c r="D23" s="596"/>
      <c r="E23" s="596"/>
      <c r="F23" s="555"/>
      <c r="G23" s="555"/>
      <c r="H23" s="555"/>
      <c r="I23" s="553"/>
      <c r="K23" s="52"/>
      <c r="L23" s="52"/>
      <c r="M23" s="52"/>
    </row>
    <row r="24" spans="1:13" customFormat="1" ht="14.45" customHeight="1">
      <c r="A24" s="596"/>
      <c r="B24" s="596"/>
      <c r="C24" s="596"/>
      <c r="D24" s="596"/>
      <c r="E24" s="596"/>
      <c r="F24" s="555"/>
      <c r="G24" s="555"/>
      <c r="H24" s="555"/>
      <c r="I24" s="553"/>
      <c r="K24" s="52"/>
      <c r="L24" s="52"/>
      <c r="M24" s="52"/>
    </row>
    <row r="25" spans="1:13" customFormat="1">
      <c r="A25" s="596"/>
      <c r="B25" s="596"/>
      <c r="C25" s="596"/>
      <c r="D25" s="596"/>
      <c r="E25" s="596"/>
      <c r="F25" s="555"/>
      <c r="G25" s="555"/>
      <c r="H25" s="555"/>
      <c r="I25" s="553"/>
      <c r="K25" s="52"/>
      <c r="L25" s="52"/>
      <c r="M25" s="52"/>
    </row>
    <row r="26" spans="1:13" customFormat="1">
      <c r="A26" s="596"/>
      <c r="B26" s="596"/>
      <c r="C26" s="596"/>
      <c r="D26" s="596"/>
      <c r="E26" s="596"/>
      <c r="F26" s="555"/>
      <c r="G26" s="555"/>
      <c r="H26" s="555"/>
      <c r="I26" s="553"/>
      <c r="K26" s="52"/>
      <c r="L26" s="52"/>
      <c r="M26" s="52"/>
    </row>
    <row r="27" spans="1:13" customFormat="1">
      <c r="A27" s="596"/>
      <c r="B27" s="596"/>
      <c r="C27" s="596"/>
      <c r="D27" s="596"/>
      <c r="E27" s="596"/>
      <c r="F27" s="555"/>
      <c r="G27" s="555"/>
      <c r="H27" s="555"/>
      <c r="I27" s="554"/>
      <c r="K27" s="52"/>
      <c r="L27" s="52"/>
      <c r="M27" s="52"/>
    </row>
    <row r="28" spans="1:13" ht="18" customHeight="1">
      <c r="A28" s="455" t="s">
        <v>250</v>
      </c>
      <c r="B28" s="456"/>
      <c r="C28" s="456"/>
      <c r="D28" s="456"/>
      <c r="E28" s="131"/>
      <c r="F28" s="132"/>
      <c r="G28" s="132"/>
      <c r="H28" s="133"/>
      <c r="I28" s="134"/>
    </row>
    <row r="29" spans="1:13" ht="18" customHeight="1">
      <c r="A29" s="455" t="s">
        <v>220</v>
      </c>
      <c r="B29" s="456"/>
      <c r="C29" s="456"/>
      <c r="D29" s="456"/>
      <c r="E29" s="131"/>
      <c r="F29" s="135"/>
      <c r="G29" s="132"/>
      <c r="H29" s="136"/>
      <c r="I29" s="137"/>
    </row>
    <row r="30" spans="1:13" ht="14.1" customHeight="1">
      <c r="A30" s="549" t="s">
        <v>460</v>
      </c>
      <c r="B30" s="549"/>
      <c r="C30" s="549"/>
      <c r="D30" s="549"/>
      <c r="E30" s="549"/>
      <c r="F30" s="547"/>
      <c r="G30" s="547"/>
      <c r="H30" s="547"/>
      <c r="I30" s="477" t="s">
        <v>201</v>
      </c>
    </row>
    <row r="31" spans="1:13" ht="14.1" customHeight="1">
      <c r="A31" s="549"/>
      <c r="B31" s="549"/>
      <c r="C31" s="549"/>
      <c r="D31" s="549"/>
      <c r="E31" s="549"/>
      <c r="F31" s="547"/>
      <c r="G31" s="547"/>
      <c r="H31" s="547"/>
      <c r="I31" s="477"/>
    </row>
    <row r="32" spans="1:13" ht="14.1" customHeight="1">
      <c r="A32" s="549"/>
      <c r="B32" s="549"/>
      <c r="C32" s="549"/>
      <c r="D32" s="549"/>
      <c r="E32" s="549"/>
      <c r="F32" s="547"/>
      <c r="G32" s="547"/>
      <c r="H32" s="547"/>
      <c r="I32" s="478"/>
    </row>
    <row r="33" spans="1:13" ht="18" customHeight="1">
      <c r="A33" s="455" t="s">
        <v>221</v>
      </c>
      <c r="B33" s="456"/>
      <c r="C33" s="456"/>
      <c r="D33" s="456"/>
      <c r="E33" s="131"/>
      <c r="F33" s="138"/>
      <c r="G33" s="132"/>
      <c r="H33" s="139"/>
      <c r="I33" s="140"/>
      <c r="M33" s="53"/>
    </row>
    <row r="34" spans="1:13" ht="14.1" customHeight="1">
      <c r="A34" s="549" t="s">
        <v>166</v>
      </c>
      <c r="B34" s="549"/>
      <c r="C34" s="549"/>
      <c r="D34" s="549"/>
      <c r="E34" s="549"/>
      <c r="F34" s="593" t="s">
        <v>164</v>
      </c>
      <c r="G34" s="594"/>
      <c r="H34" s="594"/>
      <c r="I34" s="477" t="s">
        <v>202</v>
      </c>
    </row>
    <row r="35" spans="1:13" ht="14.1" customHeight="1">
      <c r="A35" s="549"/>
      <c r="B35" s="549"/>
      <c r="C35" s="549"/>
      <c r="D35" s="549"/>
      <c r="E35" s="549"/>
      <c r="F35" s="594"/>
      <c r="G35" s="594"/>
      <c r="H35" s="594"/>
      <c r="I35" s="477"/>
    </row>
    <row r="36" spans="1:13" ht="14.1" customHeight="1">
      <c r="A36" s="549"/>
      <c r="B36" s="549"/>
      <c r="C36" s="549"/>
      <c r="D36" s="549"/>
      <c r="E36" s="549"/>
      <c r="F36" s="594"/>
      <c r="G36" s="594"/>
      <c r="H36" s="594"/>
      <c r="I36" s="477"/>
    </row>
    <row r="37" spans="1:13" ht="14.1" customHeight="1">
      <c r="A37" s="549"/>
      <c r="B37" s="549"/>
      <c r="C37" s="549"/>
      <c r="D37" s="549"/>
      <c r="E37" s="549"/>
      <c r="F37" s="593" t="s">
        <v>165</v>
      </c>
      <c r="G37" s="594"/>
      <c r="H37" s="594"/>
      <c r="I37" s="477"/>
    </row>
    <row r="38" spans="1:13" ht="14.1" customHeight="1">
      <c r="A38" s="549"/>
      <c r="B38" s="549"/>
      <c r="C38" s="549"/>
      <c r="D38" s="549"/>
      <c r="E38" s="549"/>
      <c r="F38" s="594"/>
      <c r="G38" s="594"/>
      <c r="H38" s="594"/>
      <c r="I38" s="477"/>
    </row>
    <row r="39" spans="1:13" ht="14.1" customHeight="1">
      <c r="A39" s="549"/>
      <c r="B39" s="549"/>
      <c r="C39" s="549"/>
      <c r="D39" s="549"/>
      <c r="E39" s="549"/>
      <c r="F39" s="594"/>
      <c r="G39" s="594"/>
      <c r="H39" s="594"/>
      <c r="I39" s="477"/>
    </row>
    <row r="40" spans="1:13" ht="14.1" customHeight="1">
      <c r="A40" s="549" t="s">
        <v>461</v>
      </c>
      <c r="B40" s="549"/>
      <c r="C40" s="549"/>
      <c r="D40" s="549"/>
      <c r="E40" s="549"/>
      <c r="F40" s="581"/>
      <c r="G40" s="582"/>
      <c r="H40" s="583"/>
      <c r="I40" s="477"/>
    </row>
    <row r="41" spans="1:13" ht="14.1" customHeight="1">
      <c r="A41" s="549"/>
      <c r="B41" s="549"/>
      <c r="C41" s="549"/>
      <c r="D41" s="549"/>
      <c r="E41" s="549"/>
      <c r="F41" s="584"/>
      <c r="G41" s="585"/>
      <c r="H41" s="586"/>
      <c r="I41" s="477"/>
    </row>
    <row r="42" spans="1:13" ht="14.1" customHeight="1">
      <c r="A42" s="549"/>
      <c r="B42" s="549"/>
      <c r="C42" s="549"/>
      <c r="D42" s="549"/>
      <c r="E42" s="549"/>
      <c r="F42" s="584"/>
      <c r="G42" s="585"/>
      <c r="H42" s="586"/>
      <c r="I42" s="477"/>
    </row>
    <row r="43" spans="1:13" ht="14.1" customHeight="1">
      <c r="A43" s="549"/>
      <c r="B43" s="549"/>
      <c r="C43" s="549"/>
      <c r="D43" s="549"/>
      <c r="E43" s="549"/>
      <c r="F43" s="587"/>
      <c r="G43" s="588"/>
      <c r="H43" s="589"/>
      <c r="I43" s="477"/>
    </row>
    <row r="44" spans="1:13" ht="14.1" customHeight="1">
      <c r="A44" s="549" t="s">
        <v>462</v>
      </c>
      <c r="B44" s="549"/>
      <c r="C44" s="549"/>
      <c r="D44" s="549"/>
      <c r="E44" s="549"/>
      <c r="F44" s="581"/>
      <c r="G44" s="582"/>
      <c r="H44" s="583"/>
      <c r="I44" s="477"/>
    </row>
    <row r="45" spans="1:13" ht="14.1" customHeight="1">
      <c r="A45" s="549"/>
      <c r="B45" s="549"/>
      <c r="C45" s="549"/>
      <c r="D45" s="549"/>
      <c r="E45" s="549"/>
      <c r="F45" s="584"/>
      <c r="G45" s="585"/>
      <c r="H45" s="586"/>
      <c r="I45" s="477"/>
    </row>
    <row r="46" spans="1:13" ht="14.1" customHeight="1">
      <c r="A46" s="549"/>
      <c r="B46" s="549"/>
      <c r="C46" s="549"/>
      <c r="D46" s="549"/>
      <c r="E46" s="549"/>
      <c r="F46" s="584"/>
      <c r="G46" s="585"/>
      <c r="H46" s="586"/>
      <c r="I46" s="477"/>
    </row>
    <row r="47" spans="1:13" ht="14.1" customHeight="1">
      <c r="A47" s="549"/>
      <c r="B47" s="549"/>
      <c r="C47" s="549"/>
      <c r="D47" s="549"/>
      <c r="E47" s="549"/>
      <c r="F47" s="587"/>
      <c r="G47" s="588"/>
      <c r="H47" s="589"/>
      <c r="I47" s="478"/>
    </row>
    <row r="48" spans="1:13" ht="14.1" customHeight="1">
      <c r="A48" s="531" t="s">
        <v>159</v>
      </c>
      <c r="B48" s="531"/>
      <c r="C48" s="531"/>
      <c r="D48" s="531"/>
      <c r="E48" s="531"/>
      <c r="F48" s="532" t="s">
        <v>158</v>
      </c>
      <c r="G48" s="532"/>
      <c r="H48" s="533"/>
      <c r="I48" s="538" t="s">
        <v>0</v>
      </c>
    </row>
    <row r="49" spans="1:9" ht="14.1" customHeight="1">
      <c r="A49" s="531"/>
      <c r="B49" s="531"/>
      <c r="C49" s="531"/>
      <c r="D49" s="531"/>
      <c r="E49" s="531"/>
      <c r="F49" s="534"/>
      <c r="G49" s="534"/>
      <c r="H49" s="535"/>
      <c r="I49" s="539"/>
    </row>
    <row r="50" spans="1:9" ht="14.1" customHeight="1">
      <c r="A50" s="531"/>
      <c r="B50" s="531"/>
      <c r="C50" s="531"/>
      <c r="D50" s="531"/>
      <c r="E50" s="531"/>
      <c r="F50" s="536"/>
      <c r="G50" s="536"/>
      <c r="H50" s="537"/>
      <c r="I50" s="540"/>
    </row>
    <row r="51" spans="1:9" ht="18" customHeight="1">
      <c r="A51" s="578" t="s">
        <v>222</v>
      </c>
      <c r="B51" s="579"/>
      <c r="C51" s="579"/>
      <c r="D51" s="579"/>
      <c r="E51" s="141"/>
      <c r="F51" s="142"/>
      <c r="G51" s="142"/>
      <c r="H51" s="139"/>
      <c r="I51" s="140"/>
    </row>
    <row r="52" spans="1:9" ht="14.1" customHeight="1">
      <c r="A52" s="549" t="s">
        <v>463</v>
      </c>
      <c r="B52" s="549"/>
      <c r="C52" s="549"/>
      <c r="D52" s="549"/>
      <c r="E52" s="549"/>
      <c r="F52" s="581"/>
      <c r="G52" s="582"/>
      <c r="H52" s="583"/>
      <c r="I52" s="477" t="s">
        <v>203</v>
      </c>
    </row>
    <row r="53" spans="1:9" ht="14.1" customHeight="1">
      <c r="A53" s="549"/>
      <c r="B53" s="549"/>
      <c r="C53" s="549"/>
      <c r="D53" s="549"/>
      <c r="E53" s="549"/>
      <c r="F53" s="584"/>
      <c r="G53" s="585"/>
      <c r="H53" s="586"/>
      <c r="I53" s="477"/>
    </row>
    <row r="54" spans="1:9" ht="14.1" customHeight="1">
      <c r="A54" s="549"/>
      <c r="B54" s="549"/>
      <c r="C54" s="549"/>
      <c r="D54" s="549"/>
      <c r="E54" s="549"/>
      <c r="F54" s="584"/>
      <c r="G54" s="585"/>
      <c r="H54" s="586"/>
      <c r="I54" s="477"/>
    </row>
    <row r="55" spans="1:9" ht="14.1" customHeight="1">
      <c r="A55" s="549"/>
      <c r="B55" s="549"/>
      <c r="C55" s="549"/>
      <c r="D55" s="549"/>
      <c r="E55" s="549"/>
      <c r="F55" s="584"/>
      <c r="G55" s="585"/>
      <c r="H55" s="586"/>
      <c r="I55" s="477"/>
    </row>
    <row r="56" spans="1:9" ht="14.1" customHeight="1">
      <c r="A56" s="549"/>
      <c r="B56" s="549"/>
      <c r="C56" s="549"/>
      <c r="D56" s="549"/>
      <c r="E56" s="549"/>
      <c r="F56" s="587"/>
      <c r="G56" s="588"/>
      <c r="H56" s="589"/>
      <c r="I56" s="477"/>
    </row>
    <row r="57" spans="1:9" ht="14.1" customHeight="1">
      <c r="A57" s="592" t="s">
        <v>167</v>
      </c>
      <c r="B57" s="592"/>
      <c r="C57" s="592"/>
      <c r="D57" s="592"/>
      <c r="E57" s="592"/>
      <c r="F57" s="601"/>
      <c r="G57" s="602"/>
      <c r="H57" s="603"/>
      <c r="I57" s="477"/>
    </row>
    <row r="58" spans="1:9" ht="14.1" customHeight="1">
      <c r="A58" s="592"/>
      <c r="B58" s="592"/>
      <c r="C58" s="592"/>
      <c r="D58" s="592"/>
      <c r="E58" s="592"/>
      <c r="F58" s="604"/>
      <c r="G58" s="605"/>
      <c r="H58" s="606"/>
      <c r="I58" s="477"/>
    </row>
    <row r="59" spans="1:9" ht="14.1" customHeight="1">
      <c r="A59" s="592"/>
      <c r="B59" s="592"/>
      <c r="C59" s="592"/>
      <c r="D59" s="592"/>
      <c r="E59" s="592"/>
      <c r="F59" s="607"/>
      <c r="G59" s="608"/>
      <c r="H59" s="609"/>
      <c r="I59" s="478"/>
    </row>
    <row r="60" spans="1:9" ht="18" customHeight="1">
      <c r="A60" s="597" t="s">
        <v>251</v>
      </c>
      <c r="B60" s="598"/>
      <c r="C60" s="598"/>
      <c r="D60" s="598"/>
      <c r="E60" s="598"/>
      <c r="F60" s="142"/>
      <c r="G60" s="132"/>
      <c r="H60" s="599"/>
      <c r="I60" s="143"/>
    </row>
    <row r="61" spans="1:9" ht="14.1" customHeight="1">
      <c r="A61" s="610" t="s">
        <v>223</v>
      </c>
      <c r="B61" s="611"/>
      <c r="C61" s="611"/>
      <c r="D61" s="611"/>
      <c r="E61" s="611"/>
      <c r="F61" s="611"/>
      <c r="G61" s="611"/>
      <c r="H61" s="600"/>
      <c r="I61" s="219"/>
    </row>
    <row r="62" spans="1:9" ht="14.1" customHeight="1">
      <c r="A62" s="549" t="s">
        <v>464</v>
      </c>
      <c r="B62" s="549"/>
      <c r="C62" s="549"/>
      <c r="D62" s="549"/>
      <c r="E62" s="549"/>
      <c r="F62" s="547"/>
      <c r="G62" s="547"/>
      <c r="H62" s="547"/>
      <c r="I62" s="482" t="s">
        <v>219</v>
      </c>
    </row>
    <row r="63" spans="1:9" ht="14.1" customHeight="1">
      <c r="A63" s="549"/>
      <c r="B63" s="549"/>
      <c r="C63" s="549"/>
      <c r="D63" s="549"/>
      <c r="E63" s="549"/>
      <c r="F63" s="547"/>
      <c r="G63" s="547"/>
      <c r="H63" s="547"/>
      <c r="I63" s="477"/>
    </row>
    <row r="64" spans="1:9" ht="21.6" customHeight="1">
      <c r="A64" s="549"/>
      <c r="B64" s="549"/>
      <c r="C64" s="549"/>
      <c r="D64" s="549"/>
      <c r="E64" s="549"/>
      <c r="F64" s="547"/>
      <c r="G64" s="547"/>
      <c r="H64" s="547"/>
      <c r="I64" s="477"/>
    </row>
    <row r="65" spans="1:20" ht="13.5" customHeight="1">
      <c r="A65" s="549" t="s">
        <v>267</v>
      </c>
      <c r="B65" s="549"/>
      <c r="C65" s="549"/>
      <c r="D65" s="549"/>
      <c r="E65" s="549"/>
      <c r="F65" s="547"/>
      <c r="G65" s="547"/>
      <c r="H65" s="547"/>
      <c r="I65" s="482" t="s">
        <v>271</v>
      </c>
      <c r="T65" s="172"/>
    </row>
    <row r="66" spans="1:20" ht="14.1" customHeight="1">
      <c r="A66" s="549"/>
      <c r="B66" s="549"/>
      <c r="C66" s="549"/>
      <c r="D66" s="549"/>
      <c r="E66" s="549"/>
      <c r="F66" s="547"/>
      <c r="G66" s="547"/>
      <c r="H66" s="547"/>
      <c r="I66" s="477"/>
      <c r="T66" s="172"/>
    </row>
    <row r="67" spans="1:20" ht="14.1" customHeight="1">
      <c r="A67" s="575"/>
      <c r="B67" s="575"/>
      <c r="C67" s="575"/>
      <c r="D67" s="575"/>
      <c r="E67" s="575"/>
      <c r="F67" s="580"/>
      <c r="G67" s="580"/>
      <c r="H67" s="580"/>
      <c r="I67" s="477"/>
      <c r="K67" s="635"/>
      <c r="L67" s="635"/>
      <c r="M67" s="635"/>
      <c r="N67" s="635"/>
      <c r="O67" s="635"/>
      <c r="P67" s="635"/>
      <c r="Q67" s="635"/>
      <c r="R67" s="635"/>
      <c r="S67" s="635"/>
      <c r="T67" s="172"/>
    </row>
    <row r="68" spans="1:20" ht="15" customHeight="1">
      <c r="A68" s="391" t="s">
        <v>332</v>
      </c>
      <c r="B68" s="422"/>
      <c r="C68" s="422"/>
      <c r="D68" s="422"/>
      <c r="E68" s="423"/>
      <c r="F68" s="407"/>
      <c r="G68" s="408"/>
      <c r="H68" s="409"/>
      <c r="I68" s="438" t="s">
        <v>326</v>
      </c>
      <c r="K68" s="635"/>
      <c r="L68" s="635"/>
      <c r="M68" s="635"/>
      <c r="N68" s="635"/>
      <c r="O68" s="635"/>
      <c r="P68" s="635"/>
      <c r="Q68" s="635"/>
      <c r="R68" s="635"/>
      <c r="S68" s="635"/>
      <c r="T68" s="172"/>
    </row>
    <row r="69" spans="1:20" ht="15" customHeight="1">
      <c r="A69" s="424"/>
      <c r="B69" s="425"/>
      <c r="C69" s="425"/>
      <c r="D69" s="425"/>
      <c r="E69" s="426"/>
      <c r="F69" s="410"/>
      <c r="G69" s="411"/>
      <c r="H69" s="412"/>
      <c r="I69" s="439"/>
      <c r="K69" s="635"/>
      <c r="L69" s="635"/>
      <c r="M69" s="635"/>
      <c r="N69" s="635"/>
      <c r="O69" s="635"/>
      <c r="P69" s="635"/>
      <c r="Q69" s="635"/>
      <c r="R69" s="635"/>
      <c r="S69" s="635"/>
      <c r="T69" s="172"/>
    </row>
    <row r="70" spans="1:20" ht="15" customHeight="1">
      <c r="A70" s="424"/>
      <c r="B70" s="425"/>
      <c r="C70" s="425"/>
      <c r="D70" s="425"/>
      <c r="E70" s="426"/>
      <c r="F70" s="410"/>
      <c r="G70" s="411"/>
      <c r="H70" s="412"/>
      <c r="I70" s="439"/>
      <c r="K70" s="635"/>
      <c r="L70" s="635"/>
      <c r="M70" s="635"/>
      <c r="N70" s="635"/>
      <c r="O70" s="635"/>
      <c r="P70" s="635"/>
      <c r="Q70" s="635"/>
      <c r="R70" s="635"/>
      <c r="S70" s="635"/>
      <c r="T70" s="172"/>
    </row>
    <row r="71" spans="1:20" ht="15" customHeight="1">
      <c r="A71" s="424"/>
      <c r="B71" s="425"/>
      <c r="C71" s="425"/>
      <c r="D71" s="425"/>
      <c r="E71" s="426"/>
      <c r="F71" s="410"/>
      <c r="G71" s="411"/>
      <c r="H71" s="412"/>
      <c r="I71" s="439"/>
      <c r="K71" s="635"/>
      <c r="L71" s="635"/>
      <c r="M71" s="635"/>
      <c r="N71" s="635"/>
      <c r="O71" s="635"/>
      <c r="P71" s="635"/>
      <c r="Q71" s="635"/>
      <c r="R71" s="635"/>
      <c r="S71" s="635"/>
      <c r="T71" s="172"/>
    </row>
    <row r="72" spans="1:20" ht="30" customHeight="1">
      <c r="A72" s="427"/>
      <c r="B72" s="428"/>
      <c r="C72" s="428"/>
      <c r="D72" s="428"/>
      <c r="E72" s="429"/>
      <c r="F72" s="413"/>
      <c r="G72" s="414"/>
      <c r="H72" s="415"/>
      <c r="I72" s="440"/>
      <c r="K72" s="635"/>
      <c r="L72" s="635"/>
      <c r="M72" s="635"/>
      <c r="N72" s="635"/>
      <c r="O72" s="635"/>
      <c r="P72" s="635"/>
      <c r="Q72" s="635"/>
      <c r="R72" s="635"/>
      <c r="S72" s="635"/>
      <c r="T72" s="172"/>
    </row>
    <row r="73" spans="1:20" ht="14.1" customHeight="1">
      <c r="A73" s="597" t="s">
        <v>331</v>
      </c>
      <c r="B73" s="598"/>
      <c r="C73" s="598"/>
      <c r="D73" s="598"/>
      <c r="E73" s="598"/>
      <c r="F73" s="598"/>
      <c r="G73" s="117"/>
      <c r="H73" s="176"/>
      <c r="I73" s="177"/>
      <c r="K73" s="175"/>
      <c r="L73" s="175"/>
      <c r="M73" s="175"/>
      <c r="N73" s="175"/>
      <c r="O73" s="175"/>
      <c r="P73" s="175"/>
      <c r="Q73" s="175"/>
      <c r="R73" s="175"/>
      <c r="S73" s="175"/>
      <c r="T73" s="172"/>
    </row>
    <row r="74" spans="1:20" ht="14.1" customHeight="1">
      <c r="A74" s="632"/>
      <c r="B74" s="633"/>
      <c r="C74" s="633"/>
      <c r="D74" s="633"/>
      <c r="E74" s="633"/>
      <c r="F74" s="633"/>
      <c r="G74" s="123"/>
      <c r="H74" s="173"/>
      <c r="I74" s="174"/>
    </row>
    <row r="75" spans="1:20" ht="14.1" customHeight="1">
      <c r="A75" s="378" t="s">
        <v>168</v>
      </c>
      <c r="B75" s="379"/>
      <c r="C75" s="379"/>
      <c r="D75" s="379"/>
      <c r="E75" s="380"/>
      <c r="F75" s="581"/>
      <c r="G75" s="582"/>
      <c r="H75" s="583"/>
      <c r="I75" s="482" t="s">
        <v>204</v>
      </c>
    </row>
    <row r="76" spans="1:20" ht="14.1" customHeight="1">
      <c r="A76" s="381"/>
      <c r="B76" s="382"/>
      <c r="C76" s="382"/>
      <c r="D76" s="382"/>
      <c r="E76" s="383"/>
      <c r="F76" s="584"/>
      <c r="G76" s="585"/>
      <c r="H76" s="586"/>
      <c r="I76" s="477"/>
    </row>
    <row r="77" spans="1:20" ht="14.1" customHeight="1">
      <c r="A77" s="381"/>
      <c r="B77" s="382"/>
      <c r="C77" s="382"/>
      <c r="D77" s="382"/>
      <c r="E77" s="383"/>
      <c r="F77" s="584"/>
      <c r="G77" s="585"/>
      <c r="H77" s="586"/>
      <c r="I77" s="477"/>
    </row>
    <row r="78" spans="1:20" ht="14.1" customHeight="1">
      <c r="A78" s="381"/>
      <c r="B78" s="382"/>
      <c r="C78" s="382"/>
      <c r="D78" s="382"/>
      <c r="E78" s="383"/>
      <c r="F78" s="584"/>
      <c r="G78" s="585"/>
      <c r="H78" s="586"/>
      <c r="I78" s="477"/>
    </row>
    <row r="79" spans="1:20" ht="14.1" customHeight="1">
      <c r="A79" s="381"/>
      <c r="B79" s="382"/>
      <c r="C79" s="382"/>
      <c r="D79" s="382"/>
      <c r="E79" s="383"/>
      <c r="F79" s="584"/>
      <c r="G79" s="585"/>
      <c r="H79" s="586"/>
      <c r="I79" s="477"/>
    </row>
    <row r="80" spans="1:20" ht="14.1" customHeight="1">
      <c r="A80" s="384"/>
      <c r="B80" s="385"/>
      <c r="C80" s="385"/>
      <c r="D80" s="385"/>
      <c r="E80" s="386"/>
      <c r="F80" s="587"/>
      <c r="G80" s="588"/>
      <c r="H80" s="589"/>
      <c r="I80" s="478"/>
    </row>
    <row r="81" spans="1:9" ht="14.1" customHeight="1">
      <c r="A81" s="549" t="s">
        <v>169</v>
      </c>
      <c r="B81" s="549"/>
      <c r="C81" s="549"/>
      <c r="D81" s="549"/>
      <c r="E81" s="549"/>
      <c r="F81" s="547"/>
      <c r="G81" s="547"/>
      <c r="H81" s="547"/>
      <c r="I81" s="482" t="s">
        <v>205</v>
      </c>
    </row>
    <row r="82" spans="1:9" ht="14.1" customHeight="1">
      <c r="A82" s="549"/>
      <c r="B82" s="549"/>
      <c r="C82" s="549"/>
      <c r="D82" s="549"/>
      <c r="E82" s="549"/>
      <c r="F82" s="547"/>
      <c r="G82" s="547"/>
      <c r="H82" s="547"/>
      <c r="I82" s="477"/>
    </row>
    <row r="83" spans="1:9" ht="14.1" customHeight="1">
      <c r="A83" s="549"/>
      <c r="B83" s="549"/>
      <c r="C83" s="549"/>
      <c r="D83" s="549"/>
      <c r="E83" s="549"/>
      <c r="F83" s="547"/>
      <c r="G83" s="547"/>
      <c r="H83" s="547"/>
      <c r="I83" s="478"/>
    </row>
    <row r="84" spans="1:9" ht="14.1" customHeight="1">
      <c r="A84" s="531" t="s">
        <v>159</v>
      </c>
      <c r="B84" s="531"/>
      <c r="C84" s="531"/>
      <c r="D84" s="531"/>
      <c r="E84" s="531"/>
      <c r="F84" s="532" t="s">
        <v>158</v>
      </c>
      <c r="G84" s="532"/>
      <c r="H84" s="533"/>
      <c r="I84" s="538" t="s">
        <v>0</v>
      </c>
    </row>
    <row r="85" spans="1:9" ht="14.1" customHeight="1">
      <c r="A85" s="531"/>
      <c r="B85" s="531"/>
      <c r="C85" s="531"/>
      <c r="D85" s="531"/>
      <c r="E85" s="531"/>
      <c r="F85" s="534"/>
      <c r="G85" s="534"/>
      <c r="H85" s="535"/>
      <c r="I85" s="539"/>
    </row>
    <row r="86" spans="1:9" ht="14.1" customHeight="1">
      <c r="A86" s="531"/>
      <c r="B86" s="531"/>
      <c r="C86" s="531"/>
      <c r="D86" s="531"/>
      <c r="E86" s="531"/>
      <c r="F86" s="536"/>
      <c r="G86" s="536"/>
      <c r="H86" s="537"/>
      <c r="I86" s="540"/>
    </row>
    <row r="87" spans="1:9" ht="18" customHeight="1">
      <c r="A87" s="636" t="s">
        <v>224</v>
      </c>
      <c r="B87" s="637"/>
      <c r="C87" s="637"/>
      <c r="D87" s="637"/>
      <c r="E87" s="120"/>
      <c r="F87" s="123"/>
      <c r="G87" s="123"/>
      <c r="H87" s="139"/>
      <c r="I87" s="140"/>
    </row>
    <row r="88" spans="1:9" ht="14.1" customHeight="1">
      <c r="A88" s="549" t="s">
        <v>170</v>
      </c>
      <c r="B88" s="549"/>
      <c r="C88" s="549"/>
      <c r="D88" s="549"/>
      <c r="E88" s="549"/>
      <c r="F88" s="547"/>
      <c r="G88" s="547"/>
      <c r="H88" s="634"/>
      <c r="I88" s="482" t="s">
        <v>206</v>
      </c>
    </row>
    <row r="89" spans="1:9" ht="14.1" customHeight="1">
      <c r="A89" s="549"/>
      <c r="B89" s="549"/>
      <c r="C89" s="549"/>
      <c r="D89" s="549"/>
      <c r="E89" s="549"/>
      <c r="F89" s="547"/>
      <c r="G89" s="547"/>
      <c r="H89" s="547"/>
      <c r="I89" s="477"/>
    </row>
    <row r="90" spans="1:9" ht="14.1" customHeight="1">
      <c r="A90" s="549"/>
      <c r="B90" s="549"/>
      <c r="C90" s="549"/>
      <c r="D90" s="549"/>
      <c r="E90" s="549"/>
      <c r="F90" s="547"/>
      <c r="G90" s="547"/>
      <c r="H90" s="547"/>
      <c r="I90" s="477"/>
    </row>
    <row r="91" spans="1:9" ht="14.1" customHeight="1">
      <c r="A91" s="549" t="s">
        <v>242</v>
      </c>
      <c r="B91" s="549"/>
      <c r="C91" s="549"/>
      <c r="D91" s="549"/>
      <c r="E91" s="549"/>
      <c r="F91" s="581"/>
      <c r="G91" s="582"/>
      <c r="H91" s="583"/>
      <c r="I91" s="482" t="s">
        <v>279</v>
      </c>
    </row>
    <row r="92" spans="1:9" ht="14.1" customHeight="1">
      <c r="A92" s="549"/>
      <c r="B92" s="549"/>
      <c r="C92" s="549"/>
      <c r="D92" s="549"/>
      <c r="E92" s="549"/>
      <c r="F92" s="584"/>
      <c r="G92" s="585"/>
      <c r="H92" s="586"/>
      <c r="I92" s="477"/>
    </row>
    <row r="93" spans="1:9" ht="14.1" customHeight="1">
      <c r="A93" s="549"/>
      <c r="B93" s="549"/>
      <c r="C93" s="549"/>
      <c r="D93" s="549"/>
      <c r="E93" s="549"/>
      <c r="F93" s="584"/>
      <c r="G93" s="585"/>
      <c r="H93" s="586"/>
      <c r="I93" s="477"/>
    </row>
    <row r="94" spans="1:9" ht="14.1" customHeight="1">
      <c r="A94" s="549"/>
      <c r="B94" s="549"/>
      <c r="C94" s="549"/>
      <c r="D94" s="549"/>
      <c r="E94" s="549"/>
      <c r="F94" s="584"/>
      <c r="G94" s="585"/>
      <c r="H94" s="586"/>
      <c r="I94" s="477"/>
    </row>
    <row r="95" spans="1:9" ht="14.1" customHeight="1">
      <c r="A95" s="549"/>
      <c r="B95" s="549"/>
      <c r="C95" s="549"/>
      <c r="D95" s="549"/>
      <c r="E95" s="549"/>
      <c r="F95" s="587"/>
      <c r="G95" s="588"/>
      <c r="H95" s="589"/>
      <c r="I95" s="478"/>
    </row>
    <row r="96" spans="1:9" ht="18" customHeight="1">
      <c r="A96" s="636" t="s">
        <v>252</v>
      </c>
      <c r="B96" s="637"/>
      <c r="C96" s="637"/>
      <c r="D96" s="637"/>
      <c r="E96" s="120"/>
      <c r="F96" s="123"/>
      <c r="G96" s="123"/>
      <c r="H96" s="140"/>
      <c r="I96" s="146"/>
    </row>
    <row r="97" spans="1:9" ht="14.1" customHeight="1">
      <c r="A97" s="549" t="s">
        <v>225</v>
      </c>
      <c r="B97" s="549"/>
      <c r="C97" s="549"/>
      <c r="D97" s="549"/>
      <c r="E97" s="549"/>
      <c r="F97" s="581"/>
      <c r="G97" s="582"/>
      <c r="H97" s="583"/>
      <c r="I97" s="477" t="s">
        <v>171</v>
      </c>
    </row>
    <row r="98" spans="1:9" ht="14.1" customHeight="1">
      <c r="A98" s="549"/>
      <c r="B98" s="549"/>
      <c r="C98" s="549"/>
      <c r="D98" s="549"/>
      <c r="E98" s="549"/>
      <c r="F98" s="584"/>
      <c r="G98" s="585"/>
      <c r="H98" s="586"/>
      <c r="I98" s="477"/>
    </row>
    <row r="99" spans="1:9" ht="14.1" customHeight="1">
      <c r="A99" s="549"/>
      <c r="B99" s="549"/>
      <c r="C99" s="549"/>
      <c r="D99" s="549"/>
      <c r="E99" s="549"/>
      <c r="F99" s="584"/>
      <c r="G99" s="585"/>
      <c r="H99" s="586"/>
      <c r="I99" s="477"/>
    </row>
    <row r="100" spans="1:9" ht="14.1" customHeight="1">
      <c r="A100" s="549"/>
      <c r="B100" s="549"/>
      <c r="C100" s="549"/>
      <c r="D100" s="549"/>
      <c r="E100" s="549"/>
      <c r="F100" s="587"/>
      <c r="G100" s="588"/>
      <c r="H100" s="589"/>
      <c r="I100" s="478"/>
    </row>
    <row r="101" spans="1:9" ht="14.1" customHeight="1">
      <c r="A101" s="549" t="s">
        <v>226</v>
      </c>
      <c r="B101" s="549"/>
      <c r="C101" s="549"/>
      <c r="D101" s="549"/>
      <c r="E101" s="549"/>
      <c r="F101" s="547"/>
      <c r="G101" s="547"/>
      <c r="H101" s="547"/>
      <c r="I101" s="482" t="s">
        <v>207</v>
      </c>
    </row>
    <row r="102" spans="1:9" ht="14.1" customHeight="1">
      <c r="A102" s="549"/>
      <c r="B102" s="549"/>
      <c r="C102" s="549"/>
      <c r="D102" s="549"/>
      <c r="E102" s="549"/>
      <c r="F102" s="547"/>
      <c r="G102" s="547"/>
      <c r="H102" s="547"/>
      <c r="I102" s="477"/>
    </row>
    <row r="103" spans="1:9" ht="13.35" customHeight="1">
      <c r="A103" s="549"/>
      <c r="B103" s="549"/>
      <c r="C103" s="549"/>
      <c r="D103" s="549"/>
      <c r="E103" s="549"/>
      <c r="F103" s="547"/>
      <c r="G103" s="547"/>
      <c r="H103" s="547"/>
      <c r="I103" s="478"/>
    </row>
    <row r="104" spans="1:9" ht="18" customHeight="1">
      <c r="A104" s="387" t="s">
        <v>253</v>
      </c>
      <c r="B104" s="388"/>
      <c r="C104" s="388"/>
      <c r="D104" s="388"/>
      <c r="E104" s="147"/>
      <c r="F104" s="138"/>
      <c r="G104" s="142"/>
      <c r="H104" s="148"/>
      <c r="I104" s="149"/>
    </row>
    <row r="105" spans="1:9" ht="14.1" customHeight="1">
      <c r="A105" s="549" t="s">
        <v>280</v>
      </c>
      <c r="B105" s="549"/>
      <c r="C105" s="549"/>
      <c r="D105" s="549"/>
      <c r="E105" s="549"/>
      <c r="F105" s="581"/>
      <c r="G105" s="582"/>
      <c r="H105" s="583"/>
      <c r="I105" s="482" t="s">
        <v>246</v>
      </c>
    </row>
    <row r="106" spans="1:9" ht="14.1" customHeight="1">
      <c r="A106" s="549"/>
      <c r="B106" s="549"/>
      <c r="C106" s="549"/>
      <c r="D106" s="549"/>
      <c r="E106" s="549"/>
      <c r="F106" s="584"/>
      <c r="G106" s="585"/>
      <c r="H106" s="586"/>
      <c r="I106" s="477"/>
    </row>
    <row r="107" spans="1:9" ht="14.1" customHeight="1">
      <c r="A107" s="549"/>
      <c r="B107" s="549"/>
      <c r="C107" s="549"/>
      <c r="D107" s="549"/>
      <c r="E107" s="549"/>
      <c r="F107" s="584"/>
      <c r="G107" s="585"/>
      <c r="H107" s="586"/>
      <c r="I107" s="477"/>
    </row>
    <row r="108" spans="1:9" ht="14.1" customHeight="1">
      <c r="A108" s="549"/>
      <c r="B108" s="549"/>
      <c r="C108" s="549"/>
      <c r="D108" s="549"/>
      <c r="E108" s="549"/>
      <c r="F108" s="584"/>
      <c r="G108" s="585"/>
      <c r="H108" s="586"/>
      <c r="I108" s="477"/>
    </row>
    <row r="109" spans="1:9" ht="14.1" customHeight="1">
      <c r="A109" s="549"/>
      <c r="B109" s="549"/>
      <c r="C109" s="549"/>
      <c r="D109" s="549"/>
      <c r="E109" s="549"/>
      <c r="F109" s="587"/>
      <c r="G109" s="588"/>
      <c r="H109" s="589"/>
      <c r="I109" s="478"/>
    </row>
    <row r="110" spans="1:9" ht="18" customHeight="1">
      <c r="A110" s="578" t="s">
        <v>227</v>
      </c>
      <c r="B110" s="579"/>
      <c r="C110" s="579"/>
      <c r="D110" s="579"/>
      <c r="E110" s="147"/>
      <c r="F110" s="138"/>
      <c r="G110" s="142"/>
      <c r="H110" s="139"/>
      <c r="I110" s="140"/>
    </row>
    <row r="111" spans="1:9" ht="14.1" customHeight="1">
      <c r="A111" s="549" t="s">
        <v>31</v>
      </c>
      <c r="B111" s="549"/>
      <c r="C111" s="549"/>
      <c r="D111" s="549"/>
      <c r="E111" s="549"/>
      <c r="F111" s="582"/>
      <c r="G111" s="582"/>
      <c r="H111" s="583"/>
      <c r="I111" s="477" t="s">
        <v>208</v>
      </c>
    </row>
    <row r="112" spans="1:9" ht="14.1" customHeight="1">
      <c r="A112" s="549"/>
      <c r="B112" s="549"/>
      <c r="C112" s="549"/>
      <c r="D112" s="549"/>
      <c r="E112" s="549"/>
      <c r="F112" s="585"/>
      <c r="G112" s="585"/>
      <c r="H112" s="586"/>
      <c r="I112" s="477"/>
    </row>
    <row r="113" spans="1:9" ht="14.1" customHeight="1">
      <c r="A113" s="549"/>
      <c r="B113" s="549"/>
      <c r="C113" s="549"/>
      <c r="D113" s="549"/>
      <c r="E113" s="549"/>
      <c r="F113" s="585"/>
      <c r="G113" s="585"/>
      <c r="H113" s="586"/>
      <c r="I113" s="477"/>
    </row>
    <row r="114" spans="1:9" ht="14.1" customHeight="1">
      <c r="A114" s="549"/>
      <c r="B114" s="549"/>
      <c r="C114" s="549"/>
      <c r="D114" s="549"/>
      <c r="E114" s="549"/>
      <c r="F114" s="585"/>
      <c r="G114" s="585"/>
      <c r="H114" s="586"/>
      <c r="I114" s="477"/>
    </row>
    <row r="115" spans="1:9" ht="14.1" customHeight="1">
      <c r="A115" s="549"/>
      <c r="B115" s="549"/>
      <c r="C115" s="549"/>
      <c r="D115" s="549"/>
      <c r="E115" s="549"/>
      <c r="F115" s="585"/>
      <c r="G115" s="585"/>
      <c r="H115" s="586"/>
      <c r="I115" s="477"/>
    </row>
    <row r="116" spans="1:9" ht="14.1" customHeight="1">
      <c r="A116" s="549"/>
      <c r="B116" s="549"/>
      <c r="C116" s="549"/>
      <c r="D116" s="549"/>
      <c r="E116" s="549"/>
      <c r="F116" s="585"/>
      <c r="G116" s="585"/>
      <c r="H116" s="586"/>
      <c r="I116" s="477"/>
    </row>
    <row r="117" spans="1:9" ht="14.1" customHeight="1">
      <c r="A117" s="549"/>
      <c r="B117" s="549"/>
      <c r="C117" s="549"/>
      <c r="D117" s="549"/>
      <c r="E117" s="549"/>
      <c r="F117" s="585"/>
      <c r="G117" s="585"/>
      <c r="H117" s="586"/>
      <c r="I117" s="477"/>
    </row>
    <row r="118" spans="1:9">
      <c r="A118" s="549"/>
      <c r="B118" s="549"/>
      <c r="C118" s="549"/>
      <c r="D118" s="549"/>
      <c r="E118" s="549"/>
      <c r="F118" s="588"/>
      <c r="G118" s="588"/>
      <c r="H118" s="589"/>
      <c r="I118" s="478"/>
    </row>
    <row r="119" spans="1:9" ht="14.1" customHeight="1">
      <c r="A119" s="549" t="s">
        <v>465</v>
      </c>
      <c r="B119" s="592"/>
      <c r="C119" s="592"/>
      <c r="D119" s="592"/>
      <c r="E119" s="592"/>
      <c r="F119" s="547"/>
      <c r="G119" s="547"/>
      <c r="H119" s="547"/>
      <c r="I119" s="639" t="s">
        <v>209</v>
      </c>
    </row>
    <row r="120" spans="1:9" ht="14.1" customHeight="1">
      <c r="A120" s="592"/>
      <c r="B120" s="592"/>
      <c r="C120" s="592"/>
      <c r="D120" s="592"/>
      <c r="E120" s="592"/>
      <c r="F120" s="547"/>
      <c r="G120" s="547"/>
      <c r="H120" s="547"/>
      <c r="I120" s="550"/>
    </row>
    <row r="121" spans="1:9" ht="14.1" customHeight="1">
      <c r="A121" s="592"/>
      <c r="B121" s="592"/>
      <c r="C121" s="592"/>
      <c r="D121" s="592"/>
      <c r="E121" s="592"/>
      <c r="F121" s="547"/>
      <c r="G121" s="547"/>
      <c r="H121" s="547"/>
      <c r="I121" s="550"/>
    </row>
    <row r="122" spans="1:9" ht="25.9" hidden="1" customHeight="1">
      <c r="A122" s="59"/>
      <c r="B122" s="59"/>
      <c r="C122" s="57"/>
      <c r="D122" s="57"/>
      <c r="E122" s="57"/>
      <c r="F122" s="58"/>
      <c r="G122" s="58"/>
      <c r="H122" s="60"/>
      <c r="I122" s="60"/>
    </row>
    <row r="123" spans="1:9" ht="25.9" hidden="1" customHeight="1">
      <c r="A123" s="59"/>
      <c r="B123" s="59"/>
      <c r="C123" s="57"/>
      <c r="D123" s="57"/>
      <c r="E123" s="57"/>
      <c r="F123" s="58"/>
      <c r="G123" s="58"/>
      <c r="H123" s="60"/>
      <c r="I123" s="60"/>
    </row>
    <row r="124" spans="1:9" ht="25.9" hidden="1" customHeight="1">
      <c r="A124" s="59"/>
      <c r="B124" s="59"/>
      <c r="C124" s="57"/>
      <c r="D124" s="57"/>
      <c r="E124" s="57"/>
      <c r="F124" s="58"/>
      <c r="G124" s="58"/>
      <c r="H124" s="60"/>
      <c r="I124" s="60"/>
    </row>
    <row r="125" spans="1:9" ht="18" customHeight="1">
      <c r="A125" s="578" t="s">
        <v>228</v>
      </c>
      <c r="B125" s="579"/>
      <c r="C125" s="579"/>
      <c r="D125" s="579"/>
      <c r="E125" s="150"/>
      <c r="F125" s="142"/>
      <c r="G125" s="142"/>
      <c r="H125" s="151"/>
      <c r="I125" s="152"/>
    </row>
    <row r="126" spans="1:9" ht="14.45" customHeight="1">
      <c r="A126" s="638" t="s">
        <v>172</v>
      </c>
      <c r="B126" s="638"/>
      <c r="C126" s="638"/>
      <c r="D126" s="638"/>
      <c r="E126" s="638"/>
      <c r="F126" s="547"/>
      <c r="G126" s="547"/>
      <c r="H126" s="547"/>
      <c r="I126" s="616" t="s">
        <v>210</v>
      </c>
    </row>
    <row r="127" spans="1:9">
      <c r="A127" s="638"/>
      <c r="B127" s="638"/>
      <c r="C127" s="638"/>
      <c r="D127" s="638"/>
      <c r="E127" s="638"/>
      <c r="F127" s="547"/>
      <c r="G127" s="547"/>
      <c r="H127" s="547"/>
      <c r="I127" s="616"/>
    </row>
    <row r="128" spans="1:9">
      <c r="A128" s="638"/>
      <c r="B128" s="638"/>
      <c r="C128" s="638"/>
      <c r="D128" s="638"/>
      <c r="E128" s="638"/>
      <c r="F128" s="547"/>
      <c r="G128" s="547"/>
      <c r="H128" s="547"/>
      <c r="I128" s="616"/>
    </row>
    <row r="129" spans="1:15" ht="18" customHeight="1">
      <c r="A129" s="578" t="s">
        <v>254</v>
      </c>
      <c r="B129" s="579"/>
      <c r="C129" s="579"/>
      <c r="D129" s="579"/>
      <c r="E129" s="147"/>
      <c r="F129" s="153"/>
      <c r="G129" s="147"/>
      <c r="H129" s="154"/>
      <c r="I129" s="155"/>
    </row>
    <row r="130" spans="1:15" ht="21" customHeight="1">
      <c r="A130" s="590" t="s">
        <v>328</v>
      </c>
      <c r="B130" s="591"/>
      <c r="C130" s="591"/>
      <c r="D130" s="591"/>
      <c r="E130" s="591"/>
      <c r="F130" s="547"/>
      <c r="G130" s="547"/>
      <c r="H130" s="547"/>
      <c r="I130" s="482" t="s">
        <v>89</v>
      </c>
      <c r="K130" s="382"/>
      <c r="L130" s="382"/>
      <c r="M130" s="382"/>
      <c r="N130" s="382"/>
      <c r="O130" s="382"/>
    </row>
    <row r="131" spans="1:15" ht="21" customHeight="1">
      <c r="A131" s="591"/>
      <c r="B131" s="591"/>
      <c r="C131" s="591"/>
      <c r="D131" s="591"/>
      <c r="E131" s="591"/>
      <c r="F131" s="547"/>
      <c r="G131" s="547"/>
      <c r="H131" s="547"/>
      <c r="I131" s="477"/>
      <c r="K131" s="382"/>
      <c r="L131" s="382"/>
      <c r="M131" s="382"/>
      <c r="N131" s="382"/>
      <c r="O131" s="382"/>
    </row>
    <row r="132" spans="1:15" ht="21" customHeight="1">
      <c r="A132" s="591"/>
      <c r="B132" s="591"/>
      <c r="C132" s="591"/>
      <c r="D132" s="591"/>
      <c r="E132" s="591"/>
      <c r="F132" s="547"/>
      <c r="G132" s="547"/>
      <c r="H132" s="547"/>
      <c r="I132" s="478"/>
      <c r="K132" s="382"/>
      <c r="L132" s="382"/>
      <c r="M132" s="382"/>
      <c r="N132" s="382"/>
      <c r="O132" s="382"/>
    </row>
    <row r="133" spans="1:15" ht="14.1" customHeight="1">
      <c r="A133" s="590" t="s">
        <v>466</v>
      </c>
      <c r="B133" s="591"/>
      <c r="C133" s="591"/>
      <c r="D133" s="591"/>
      <c r="E133" s="591"/>
      <c r="F133" s="547"/>
      <c r="G133" s="547"/>
      <c r="H133" s="547"/>
      <c r="I133" s="482" t="s">
        <v>89</v>
      </c>
    </row>
    <row r="134" spans="1:15" ht="14.1" customHeight="1">
      <c r="A134" s="591"/>
      <c r="B134" s="591"/>
      <c r="C134" s="591"/>
      <c r="D134" s="591"/>
      <c r="E134" s="591"/>
      <c r="F134" s="547"/>
      <c r="G134" s="547"/>
      <c r="H134" s="547"/>
      <c r="I134" s="477"/>
    </row>
    <row r="135" spans="1:15" ht="14.1" customHeight="1">
      <c r="A135" s="591"/>
      <c r="B135" s="591"/>
      <c r="C135" s="591"/>
      <c r="D135" s="591"/>
      <c r="E135" s="591"/>
      <c r="F135" s="547"/>
      <c r="G135" s="547"/>
      <c r="H135" s="547"/>
      <c r="I135" s="478"/>
    </row>
    <row r="136" spans="1:15" ht="14.1" customHeight="1">
      <c r="A136" s="590" t="s">
        <v>327</v>
      </c>
      <c r="B136" s="591"/>
      <c r="C136" s="591"/>
      <c r="D136" s="591"/>
      <c r="E136" s="591"/>
      <c r="F136" s="547"/>
      <c r="G136" s="547"/>
      <c r="H136" s="547"/>
      <c r="I136" s="482" t="s">
        <v>89</v>
      </c>
    </row>
    <row r="137" spans="1:15" ht="14.1" customHeight="1">
      <c r="A137" s="591"/>
      <c r="B137" s="591"/>
      <c r="C137" s="591"/>
      <c r="D137" s="591"/>
      <c r="E137" s="591"/>
      <c r="F137" s="547"/>
      <c r="G137" s="547"/>
      <c r="H137" s="547"/>
      <c r="I137" s="477"/>
    </row>
    <row r="138" spans="1:15" ht="14.1" customHeight="1">
      <c r="A138" s="591"/>
      <c r="B138" s="591"/>
      <c r="C138" s="591"/>
      <c r="D138" s="591"/>
      <c r="E138" s="591"/>
      <c r="F138" s="547"/>
      <c r="G138" s="547"/>
      <c r="H138" s="547"/>
      <c r="I138" s="478"/>
    </row>
    <row r="139" spans="1:15" ht="14.1" customHeight="1">
      <c r="A139" s="531" t="s">
        <v>159</v>
      </c>
      <c r="B139" s="531"/>
      <c r="C139" s="531"/>
      <c r="D139" s="531"/>
      <c r="E139" s="531"/>
      <c r="F139" s="532" t="s">
        <v>158</v>
      </c>
      <c r="G139" s="532"/>
      <c r="H139" s="533"/>
      <c r="I139" s="538" t="s">
        <v>0</v>
      </c>
    </row>
    <row r="140" spans="1:15" ht="14.1" customHeight="1">
      <c r="A140" s="531"/>
      <c r="B140" s="531"/>
      <c r="C140" s="531"/>
      <c r="D140" s="531"/>
      <c r="E140" s="531"/>
      <c r="F140" s="534"/>
      <c r="G140" s="534"/>
      <c r="H140" s="535"/>
      <c r="I140" s="539"/>
    </row>
    <row r="141" spans="1:15" ht="14.1" customHeight="1">
      <c r="A141" s="531"/>
      <c r="B141" s="531"/>
      <c r="C141" s="531"/>
      <c r="D141" s="531"/>
      <c r="E141" s="531"/>
      <c r="F141" s="536"/>
      <c r="G141" s="536"/>
      <c r="H141" s="537"/>
      <c r="I141" s="540"/>
    </row>
    <row r="142" spans="1:15" ht="14.1" customHeight="1">
      <c r="A142" s="387" t="s">
        <v>255</v>
      </c>
      <c r="B142" s="388"/>
      <c r="C142" s="388"/>
      <c r="D142" s="388"/>
      <c r="E142" s="388"/>
      <c r="F142" s="142"/>
      <c r="G142" s="132"/>
      <c r="H142" s="141"/>
      <c r="I142" s="156"/>
    </row>
    <row r="143" spans="1:15" ht="14.1" customHeight="1">
      <c r="A143" s="576"/>
      <c r="B143" s="577"/>
      <c r="C143" s="577"/>
      <c r="D143" s="577"/>
      <c r="E143" s="577"/>
      <c r="F143" s="135"/>
      <c r="G143" s="132"/>
      <c r="H143" s="157"/>
      <c r="I143" s="158"/>
    </row>
    <row r="144" spans="1:15" ht="14.1" customHeight="1">
      <c r="A144" s="549" t="s">
        <v>229</v>
      </c>
      <c r="B144" s="549"/>
      <c r="C144" s="549"/>
      <c r="D144" s="549"/>
      <c r="E144" s="549"/>
      <c r="F144" s="547"/>
      <c r="G144" s="547"/>
      <c r="H144" s="547"/>
      <c r="I144" s="482" t="s">
        <v>211</v>
      </c>
    </row>
    <row r="145" spans="1:10" ht="14.1" customHeight="1">
      <c r="A145" s="549"/>
      <c r="B145" s="549"/>
      <c r="C145" s="549"/>
      <c r="D145" s="549"/>
      <c r="E145" s="549"/>
      <c r="F145" s="547"/>
      <c r="G145" s="547"/>
      <c r="H145" s="547"/>
      <c r="I145" s="477"/>
    </row>
    <row r="146" spans="1:10" ht="14.1" customHeight="1">
      <c r="A146" s="549"/>
      <c r="B146" s="549"/>
      <c r="C146" s="549"/>
      <c r="D146" s="549"/>
      <c r="E146" s="549"/>
      <c r="F146" s="547"/>
      <c r="G146" s="547"/>
      <c r="H146" s="547"/>
      <c r="I146" s="477"/>
    </row>
    <row r="147" spans="1:10" ht="14.1" customHeight="1">
      <c r="A147" s="549"/>
      <c r="B147" s="549"/>
      <c r="C147" s="549"/>
      <c r="D147" s="549"/>
      <c r="E147" s="549"/>
      <c r="F147" s="547"/>
      <c r="G147" s="547"/>
      <c r="H147" s="547"/>
      <c r="I147" s="477"/>
    </row>
    <row r="148" spans="1:10" ht="13.5" customHeight="1">
      <c r="A148" s="549"/>
      <c r="B148" s="549"/>
      <c r="C148" s="549"/>
      <c r="D148" s="549"/>
      <c r="E148" s="549"/>
      <c r="F148" s="547"/>
      <c r="G148" s="547"/>
      <c r="H148" s="547"/>
      <c r="I148" s="478"/>
    </row>
    <row r="149" spans="1:10" ht="14.1" customHeight="1">
      <c r="A149" s="623" t="s">
        <v>318</v>
      </c>
      <c r="B149" s="624"/>
      <c r="C149" s="624"/>
      <c r="D149" s="624"/>
      <c r="E149" s="625"/>
      <c r="F149" s="407"/>
      <c r="G149" s="408"/>
      <c r="H149" s="409"/>
      <c r="I149" s="480" t="s">
        <v>319</v>
      </c>
      <c r="J149" s="178"/>
    </row>
    <row r="150" spans="1:10" ht="14.1" customHeight="1">
      <c r="A150" s="626"/>
      <c r="B150" s="627"/>
      <c r="C150" s="627"/>
      <c r="D150" s="627"/>
      <c r="E150" s="628"/>
      <c r="F150" s="410"/>
      <c r="G150" s="411"/>
      <c r="H150" s="412"/>
      <c r="I150" s="480"/>
      <c r="J150" s="178"/>
    </row>
    <row r="151" spans="1:10" ht="14.1" customHeight="1">
      <c r="A151" s="629"/>
      <c r="B151" s="630"/>
      <c r="C151" s="630"/>
      <c r="D151" s="630"/>
      <c r="E151" s="631"/>
      <c r="F151" s="413"/>
      <c r="G151" s="414"/>
      <c r="H151" s="415"/>
      <c r="I151" s="480"/>
      <c r="J151" s="178"/>
    </row>
    <row r="152" spans="1:10" ht="14.1" customHeight="1">
      <c r="A152" s="591" t="s">
        <v>315</v>
      </c>
      <c r="B152" s="591"/>
      <c r="C152" s="591"/>
      <c r="D152" s="591"/>
      <c r="E152" s="591"/>
      <c r="F152" s="612"/>
      <c r="G152" s="612"/>
      <c r="H152" s="612"/>
      <c r="I152" s="511" t="s">
        <v>290</v>
      </c>
    </row>
    <row r="153" spans="1:10" ht="14.1" customHeight="1">
      <c r="A153" s="591"/>
      <c r="B153" s="591"/>
      <c r="C153" s="591"/>
      <c r="D153" s="591"/>
      <c r="E153" s="591"/>
      <c r="F153" s="612"/>
      <c r="G153" s="612"/>
      <c r="H153" s="612"/>
      <c r="I153" s="480"/>
    </row>
    <row r="154" spans="1:10" ht="14.1" customHeight="1">
      <c r="A154" s="591"/>
      <c r="B154" s="591"/>
      <c r="C154" s="591"/>
      <c r="D154" s="591"/>
      <c r="E154" s="591"/>
      <c r="F154" s="612"/>
      <c r="G154" s="612"/>
      <c r="H154" s="612"/>
      <c r="I154" s="480"/>
    </row>
    <row r="155" spans="1:10" ht="14.1" customHeight="1">
      <c r="A155" s="591"/>
      <c r="B155" s="591"/>
      <c r="C155" s="591"/>
      <c r="D155" s="591"/>
      <c r="E155" s="591"/>
      <c r="F155" s="612"/>
      <c r="G155" s="612"/>
      <c r="H155" s="612"/>
      <c r="I155" s="480"/>
    </row>
    <row r="156" spans="1:10" ht="14.1" customHeight="1">
      <c r="A156" s="591"/>
      <c r="B156" s="591"/>
      <c r="C156" s="591"/>
      <c r="D156" s="591"/>
      <c r="E156" s="591"/>
      <c r="F156" s="612"/>
      <c r="G156" s="612"/>
      <c r="H156" s="612"/>
      <c r="I156" s="481"/>
    </row>
    <row r="157" spans="1:10" ht="18" customHeight="1">
      <c r="A157" s="387" t="s">
        <v>256</v>
      </c>
      <c r="B157" s="388"/>
      <c r="C157" s="388"/>
      <c r="D157" s="388"/>
      <c r="E157" s="147"/>
      <c r="F157" s="138"/>
      <c r="G157" s="142"/>
      <c r="H157" s="148"/>
      <c r="I157" s="149"/>
    </row>
    <row r="158" spans="1:10" ht="14.1" customHeight="1">
      <c r="A158" s="549" t="s">
        <v>230</v>
      </c>
      <c r="B158" s="549"/>
      <c r="C158" s="549"/>
      <c r="D158" s="549"/>
      <c r="E158" s="549"/>
      <c r="F158" s="547"/>
      <c r="G158" s="547"/>
      <c r="H158" s="547"/>
      <c r="I158" s="639" t="s">
        <v>90</v>
      </c>
    </row>
    <row r="159" spans="1:10" ht="14.1" customHeight="1">
      <c r="A159" s="549"/>
      <c r="B159" s="549"/>
      <c r="C159" s="549"/>
      <c r="D159" s="549"/>
      <c r="E159" s="549"/>
      <c r="F159" s="547"/>
      <c r="G159" s="547"/>
      <c r="H159" s="547"/>
      <c r="I159" s="550"/>
    </row>
    <row r="160" spans="1:10" ht="14.1" customHeight="1">
      <c r="A160" s="549"/>
      <c r="B160" s="549"/>
      <c r="C160" s="549"/>
      <c r="D160" s="549"/>
      <c r="E160" s="549"/>
      <c r="F160" s="547"/>
      <c r="G160" s="547"/>
      <c r="H160" s="547"/>
      <c r="I160" s="550"/>
    </row>
    <row r="161" spans="1:9" ht="14.1" customHeight="1">
      <c r="A161" s="549"/>
      <c r="B161" s="549"/>
      <c r="C161" s="549"/>
      <c r="D161" s="549"/>
      <c r="E161" s="549"/>
      <c r="F161" s="547"/>
      <c r="G161" s="547"/>
      <c r="H161" s="547"/>
      <c r="I161" s="551"/>
    </row>
    <row r="162" spans="1:9" ht="18" customHeight="1">
      <c r="A162" s="578" t="s">
        <v>231</v>
      </c>
      <c r="B162" s="579"/>
      <c r="C162" s="579"/>
      <c r="D162" s="579"/>
      <c r="E162" s="147"/>
      <c r="F162" s="153"/>
      <c r="G162" s="147"/>
      <c r="H162" s="139"/>
      <c r="I162" s="149"/>
    </row>
    <row r="163" spans="1:9" ht="14.1" customHeight="1">
      <c r="A163" s="549" t="s">
        <v>173</v>
      </c>
      <c r="B163" s="549"/>
      <c r="C163" s="549"/>
      <c r="D163" s="549"/>
      <c r="E163" s="549"/>
      <c r="F163" s="547"/>
      <c r="G163" s="547"/>
      <c r="H163" s="547"/>
      <c r="I163" s="482" t="s">
        <v>212</v>
      </c>
    </row>
    <row r="164" spans="1:9" ht="14.1" customHeight="1">
      <c r="A164" s="549"/>
      <c r="B164" s="549"/>
      <c r="C164" s="549"/>
      <c r="D164" s="549"/>
      <c r="E164" s="549"/>
      <c r="F164" s="547"/>
      <c r="G164" s="547"/>
      <c r="H164" s="547"/>
      <c r="I164" s="477"/>
    </row>
    <row r="165" spans="1:9" ht="14.1" customHeight="1">
      <c r="A165" s="549"/>
      <c r="B165" s="549"/>
      <c r="C165" s="549"/>
      <c r="D165" s="549"/>
      <c r="E165" s="549"/>
      <c r="F165" s="547"/>
      <c r="G165" s="547"/>
      <c r="H165" s="547"/>
      <c r="I165" s="478"/>
    </row>
    <row r="166" spans="1:9" ht="14.1" customHeight="1">
      <c r="A166" s="549" t="s">
        <v>174</v>
      </c>
      <c r="B166" s="549"/>
      <c r="C166" s="549"/>
      <c r="D166" s="549"/>
      <c r="E166" s="549"/>
      <c r="F166" s="547"/>
      <c r="G166" s="547"/>
      <c r="H166" s="547"/>
      <c r="I166" s="482" t="s">
        <v>213</v>
      </c>
    </row>
    <row r="167" spans="1:9" ht="14.1" customHeight="1">
      <c r="A167" s="549"/>
      <c r="B167" s="549"/>
      <c r="C167" s="549"/>
      <c r="D167" s="549"/>
      <c r="E167" s="549"/>
      <c r="F167" s="547"/>
      <c r="G167" s="547"/>
      <c r="H167" s="547"/>
      <c r="I167" s="477"/>
    </row>
    <row r="168" spans="1:9" ht="14.1" customHeight="1">
      <c r="A168" s="549"/>
      <c r="B168" s="549"/>
      <c r="C168" s="549"/>
      <c r="D168" s="549"/>
      <c r="E168" s="549"/>
      <c r="F168" s="547"/>
      <c r="G168" s="547"/>
      <c r="H168" s="547"/>
      <c r="I168" s="477"/>
    </row>
    <row r="169" spans="1:9" ht="14.1" customHeight="1">
      <c r="A169" s="549" t="s">
        <v>175</v>
      </c>
      <c r="B169" s="549"/>
      <c r="C169" s="549"/>
      <c r="D169" s="549"/>
      <c r="E169" s="549"/>
      <c r="F169" s="547"/>
      <c r="G169" s="547"/>
      <c r="H169" s="547"/>
      <c r="I169" s="477"/>
    </row>
    <row r="170" spans="1:9" ht="14.1" customHeight="1">
      <c r="A170" s="549"/>
      <c r="B170" s="549"/>
      <c r="C170" s="549"/>
      <c r="D170" s="549"/>
      <c r="E170" s="549"/>
      <c r="F170" s="547"/>
      <c r="G170" s="547"/>
      <c r="H170" s="547"/>
      <c r="I170" s="477"/>
    </row>
    <row r="171" spans="1:9" ht="14.1" customHeight="1">
      <c r="A171" s="549"/>
      <c r="B171" s="549"/>
      <c r="C171" s="549"/>
      <c r="D171" s="549"/>
      <c r="E171" s="549"/>
      <c r="F171" s="547"/>
      <c r="G171" s="547"/>
      <c r="H171" s="547"/>
      <c r="I171" s="477"/>
    </row>
    <row r="172" spans="1:9" ht="14.1" customHeight="1">
      <c r="A172" s="549" t="s">
        <v>467</v>
      </c>
      <c r="B172" s="549"/>
      <c r="C172" s="549"/>
      <c r="D172" s="549"/>
      <c r="E172" s="549"/>
      <c r="F172" s="547"/>
      <c r="G172" s="547"/>
      <c r="H172" s="547"/>
      <c r="I172" s="477"/>
    </row>
    <row r="173" spans="1:9" ht="14.1" customHeight="1">
      <c r="A173" s="549"/>
      <c r="B173" s="549"/>
      <c r="C173" s="549"/>
      <c r="D173" s="549"/>
      <c r="E173" s="549"/>
      <c r="F173" s="547"/>
      <c r="G173" s="547"/>
      <c r="H173" s="547"/>
      <c r="I173" s="477"/>
    </row>
    <row r="174" spans="1:9" ht="14.1" customHeight="1">
      <c r="A174" s="549"/>
      <c r="B174" s="549"/>
      <c r="C174" s="549"/>
      <c r="D174" s="549"/>
      <c r="E174" s="549"/>
      <c r="F174" s="547"/>
      <c r="G174" s="547"/>
      <c r="H174" s="547"/>
      <c r="I174" s="478"/>
    </row>
    <row r="175" spans="1:9" ht="18" customHeight="1">
      <c r="A175" s="387" t="s">
        <v>232</v>
      </c>
      <c r="B175" s="388"/>
      <c r="C175" s="388"/>
      <c r="D175" s="388"/>
      <c r="E175" s="120"/>
      <c r="F175" s="120"/>
      <c r="G175" s="120"/>
      <c r="H175" s="151"/>
      <c r="I175" s="145"/>
    </row>
    <row r="176" spans="1:9" ht="14.1" customHeight="1">
      <c r="A176" s="549" t="s">
        <v>176</v>
      </c>
      <c r="B176" s="549"/>
      <c r="C176" s="549"/>
      <c r="D176" s="549"/>
      <c r="E176" s="549"/>
      <c r="F176" s="547"/>
      <c r="G176" s="547"/>
      <c r="H176" s="547"/>
      <c r="I176" s="482" t="s">
        <v>91</v>
      </c>
    </row>
    <row r="177" spans="1:9" ht="14.1" customHeight="1">
      <c r="A177" s="549"/>
      <c r="B177" s="549"/>
      <c r="C177" s="549"/>
      <c r="D177" s="549"/>
      <c r="E177" s="549"/>
      <c r="F177" s="547"/>
      <c r="G177" s="547"/>
      <c r="H177" s="547"/>
      <c r="I177" s="477"/>
    </row>
    <row r="178" spans="1:9" ht="14.1" customHeight="1">
      <c r="A178" s="549"/>
      <c r="B178" s="549"/>
      <c r="C178" s="549"/>
      <c r="D178" s="549"/>
      <c r="E178" s="549"/>
      <c r="F178" s="547"/>
      <c r="G178" s="547"/>
      <c r="H178" s="547"/>
      <c r="I178" s="478"/>
    </row>
    <row r="179" spans="1:9" ht="14.1" customHeight="1">
      <c r="A179" s="590" t="s">
        <v>292</v>
      </c>
      <c r="B179" s="590"/>
      <c r="C179" s="590"/>
      <c r="D179" s="590"/>
      <c r="E179" s="590"/>
      <c r="F179" s="407"/>
      <c r="G179" s="408"/>
      <c r="H179" s="409"/>
      <c r="I179" s="548" t="s">
        <v>291</v>
      </c>
    </row>
    <row r="180" spans="1:9" ht="14.1" customHeight="1">
      <c r="A180" s="590"/>
      <c r="B180" s="590"/>
      <c r="C180" s="590"/>
      <c r="D180" s="590"/>
      <c r="E180" s="590"/>
      <c r="F180" s="410"/>
      <c r="G180" s="411"/>
      <c r="H180" s="412"/>
      <c r="I180" s="548"/>
    </row>
    <row r="181" spans="1:9" ht="14.1" customHeight="1">
      <c r="A181" s="590"/>
      <c r="B181" s="590"/>
      <c r="C181" s="590"/>
      <c r="D181" s="590"/>
      <c r="E181" s="590"/>
      <c r="F181" s="410"/>
      <c r="G181" s="411"/>
      <c r="H181" s="412"/>
      <c r="I181" s="548"/>
    </row>
    <row r="182" spans="1:9" ht="14.1" customHeight="1">
      <c r="A182" s="590"/>
      <c r="B182" s="590"/>
      <c r="C182" s="590"/>
      <c r="D182" s="590"/>
      <c r="E182" s="590"/>
      <c r="F182" s="413"/>
      <c r="G182" s="414"/>
      <c r="H182" s="415"/>
      <c r="I182" s="548"/>
    </row>
    <row r="183" spans="1:9" s="87" customFormat="1" ht="18" customHeight="1">
      <c r="A183" s="613" t="s">
        <v>233</v>
      </c>
      <c r="B183" s="614"/>
      <c r="C183" s="614"/>
      <c r="D183" s="614"/>
      <c r="E183" s="120"/>
      <c r="F183" s="120"/>
      <c r="G183" s="120"/>
      <c r="H183" s="125"/>
      <c r="I183" s="159"/>
    </row>
    <row r="184" spans="1:9" s="87" customFormat="1" ht="14.1" customHeight="1">
      <c r="A184" s="642" t="s">
        <v>177</v>
      </c>
      <c r="B184" s="643"/>
      <c r="C184" s="643"/>
      <c r="D184" s="643"/>
      <c r="E184" s="644"/>
      <c r="F184" s="581"/>
      <c r="G184" s="582"/>
      <c r="H184" s="583"/>
      <c r="I184" s="620" t="s">
        <v>320</v>
      </c>
    </row>
    <row r="185" spans="1:9" s="87" customFormat="1" ht="14.1" customHeight="1">
      <c r="A185" s="645"/>
      <c r="B185" s="646"/>
      <c r="C185" s="646"/>
      <c r="D185" s="646"/>
      <c r="E185" s="647"/>
      <c r="F185" s="584"/>
      <c r="G185" s="585"/>
      <c r="H185" s="586"/>
      <c r="I185" s="621"/>
    </row>
    <row r="186" spans="1:9" s="87" customFormat="1" ht="14.1" customHeight="1">
      <c r="A186" s="648"/>
      <c r="B186" s="649"/>
      <c r="C186" s="649"/>
      <c r="D186" s="649"/>
      <c r="E186" s="650"/>
      <c r="F186" s="587"/>
      <c r="G186" s="588"/>
      <c r="H186" s="589"/>
      <c r="I186" s="622"/>
    </row>
    <row r="187" spans="1:9" ht="14.1" customHeight="1">
      <c r="A187" s="549" t="s">
        <v>273</v>
      </c>
      <c r="B187" s="549"/>
      <c r="C187" s="549"/>
      <c r="D187" s="549"/>
      <c r="E187" s="549"/>
      <c r="F187" s="581"/>
      <c r="G187" s="582"/>
      <c r="H187" s="583"/>
      <c r="I187" s="616" t="s">
        <v>92</v>
      </c>
    </row>
    <row r="188" spans="1:9" ht="14.1" customHeight="1">
      <c r="A188" s="549"/>
      <c r="B188" s="549"/>
      <c r="C188" s="549"/>
      <c r="D188" s="549"/>
      <c r="E188" s="549"/>
      <c r="F188" s="584"/>
      <c r="G188" s="585"/>
      <c r="H188" s="586"/>
      <c r="I188" s="616"/>
    </row>
    <row r="189" spans="1:9" ht="14.1" customHeight="1">
      <c r="A189" s="549"/>
      <c r="B189" s="549"/>
      <c r="C189" s="549"/>
      <c r="D189" s="549"/>
      <c r="E189" s="549"/>
      <c r="F189" s="584"/>
      <c r="G189" s="585"/>
      <c r="H189" s="586"/>
      <c r="I189" s="616"/>
    </row>
    <row r="190" spans="1:9" ht="14.1" customHeight="1">
      <c r="A190" s="549"/>
      <c r="B190" s="549"/>
      <c r="C190" s="549"/>
      <c r="D190" s="549"/>
      <c r="E190" s="549"/>
      <c r="F190" s="587"/>
      <c r="G190" s="588"/>
      <c r="H190" s="589"/>
      <c r="I190" s="616"/>
    </row>
    <row r="191" spans="1:9" ht="14.1" customHeight="1">
      <c r="A191" s="549" t="s">
        <v>178</v>
      </c>
      <c r="B191" s="549"/>
      <c r="C191" s="549"/>
      <c r="D191" s="549"/>
      <c r="E191" s="549"/>
      <c r="F191" s="547"/>
      <c r="G191" s="547"/>
      <c r="H191" s="547"/>
      <c r="I191" s="550" t="s">
        <v>305</v>
      </c>
    </row>
    <row r="192" spans="1:9" ht="14.1" customHeight="1">
      <c r="A192" s="549"/>
      <c r="B192" s="549"/>
      <c r="C192" s="549"/>
      <c r="D192" s="549"/>
      <c r="E192" s="549"/>
      <c r="F192" s="547"/>
      <c r="G192" s="547"/>
      <c r="H192" s="547"/>
      <c r="I192" s="550"/>
    </row>
    <row r="193" spans="1:9" ht="14.1" customHeight="1">
      <c r="A193" s="549"/>
      <c r="B193" s="549"/>
      <c r="C193" s="549"/>
      <c r="D193" s="549"/>
      <c r="E193" s="549"/>
      <c r="F193" s="547"/>
      <c r="G193" s="547"/>
      <c r="H193" s="547"/>
      <c r="I193" s="551"/>
    </row>
    <row r="194" spans="1:9" ht="14.1" customHeight="1">
      <c r="A194" s="549" t="s">
        <v>179</v>
      </c>
      <c r="B194" s="549"/>
      <c r="C194" s="549"/>
      <c r="D194" s="549"/>
      <c r="E194" s="549"/>
      <c r="F194" s="547"/>
      <c r="G194" s="547"/>
      <c r="H194" s="547"/>
      <c r="I194" s="482" t="s">
        <v>93</v>
      </c>
    </row>
    <row r="195" spans="1:9" ht="14.1" customHeight="1">
      <c r="A195" s="549"/>
      <c r="B195" s="549"/>
      <c r="C195" s="549"/>
      <c r="D195" s="549"/>
      <c r="E195" s="549"/>
      <c r="F195" s="547"/>
      <c r="G195" s="547"/>
      <c r="H195" s="547"/>
      <c r="I195" s="477"/>
    </row>
    <row r="196" spans="1:9" ht="14.1" customHeight="1">
      <c r="A196" s="549"/>
      <c r="B196" s="549"/>
      <c r="C196" s="549"/>
      <c r="D196" s="549"/>
      <c r="E196" s="549"/>
      <c r="F196" s="547"/>
      <c r="G196" s="547"/>
      <c r="H196" s="547"/>
      <c r="I196" s="477"/>
    </row>
    <row r="197" spans="1:9" ht="14.1" customHeight="1">
      <c r="A197" s="549" t="s">
        <v>180</v>
      </c>
      <c r="B197" s="549"/>
      <c r="C197" s="549"/>
      <c r="D197" s="549"/>
      <c r="E197" s="549"/>
      <c r="F197" s="547"/>
      <c r="G197" s="547"/>
      <c r="H197" s="547"/>
      <c r="I197" s="482" t="s">
        <v>181</v>
      </c>
    </row>
    <row r="198" spans="1:9" ht="14.1" customHeight="1">
      <c r="A198" s="549"/>
      <c r="B198" s="549"/>
      <c r="C198" s="549"/>
      <c r="D198" s="549"/>
      <c r="E198" s="549"/>
      <c r="F198" s="547"/>
      <c r="G198" s="547"/>
      <c r="H198" s="547"/>
      <c r="I198" s="477"/>
    </row>
    <row r="199" spans="1:9" ht="14.1" customHeight="1">
      <c r="A199" s="549"/>
      <c r="B199" s="549"/>
      <c r="C199" s="549"/>
      <c r="D199" s="549"/>
      <c r="E199" s="549"/>
      <c r="F199" s="547"/>
      <c r="G199" s="547"/>
      <c r="H199" s="547"/>
      <c r="I199" s="478"/>
    </row>
    <row r="200" spans="1:9" ht="14.1" customHeight="1">
      <c r="A200" s="531" t="s">
        <v>159</v>
      </c>
      <c r="B200" s="531"/>
      <c r="C200" s="531"/>
      <c r="D200" s="531"/>
      <c r="E200" s="531"/>
      <c r="F200" s="532" t="s">
        <v>158</v>
      </c>
      <c r="G200" s="532"/>
      <c r="H200" s="533"/>
      <c r="I200" s="538" t="s">
        <v>0</v>
      </c>
    </row>
    <row r="201" spans="1:9" ht="14.1" customHeight="1">
      <c r="A201" s="531"/>
      <c r="B201" s="531"/>
      <c r="C201" s="531"/>
      <c r="D201" s="531"/>
      <c r="E201" s="531"/>
      <c r="F201" s="534"/>
      <c r="G201" s="534"/>
      <c r="H201" s="535"/>
      <c r="I201" s="539"/>
    </row>
    <row r="202" spans="1:9" ht="14.1" customHeight="1">
      <c r="A202" s="531"/>
      <c r="B202" s="531"/>
      <c r="C202" s="531"/>
      <c r="D202" s="531"/>
      <c r="E202" s="531"/>
      <c r="F202" s="536"/>
      <c r="G202" s="536"/>
      <c r="H202" s="537"/>
      <c r="I202" s="540"/>
    </row>
    <row r="203" spans="1:9" ht="18" customHeight="1">
      <c r="A203" s="160" t="s">
        <v>281</v>
      </c>
      <c r="B203" s="147"/>
      <c r="C203" s="147"/>
      <c r="D203" s="147"/>
      <c r="E203" s="161"/>
      <c r="F203" s="122"/>
      <c r="G203" s="122"/>
      <c r="H203" s="139"/>
      <c r="I203" s="140"/>
    </row>
    <row r="204" spans="1:9" ht="14.1" customHeight="1">
      <c r="A204" s="549" t="s">
        <v>234</v>
      </c>
      <c r="B204" s="549"/>
      <c r="C204" s="549"/>
      <c r="D204" s="549"/>
      <c r="E204" s="549"/>
      <c r="F204" s="547"/>
      <c r="G204" s="547"/>
      <c r="H204" s="547"/>
      <c r="I204" s="477" t="s">
        <v>182</v>
      </c>
    </row>
    <row r="205" spans="1:9" ht="14.1" customHeight="1">
      <c r="A205" s="549"/>
      <c r="B205" s="549"/>
      <c r="C205" s="549"/>
      <c r="D205" s="549"/>
      <c r="E205" s="549"/>
      <c r="F205" s="547"/>
      <c r="G205" s="547"/>
      <c r="H205" s="547"/>
      <c r="I205" s="477"/>
    </row>
    <row r="206" spans="1:9" ht="14.1" customHeight="1">
      <c r="A206" s="549"/>
      <c r="B206" s="549"/>
      <c r="C206" s="549"/>
      <c r="D206" s="549"/>
      <c r="E206" s="549"/>
      <c r="F206" s="547"/>
      <c r="G206" s="547"/>
      <c r="H206" s="547"/>
      <c r="I206" s="478"/>
    </row>
    <row r="207" spans="1:9" ht="14.1" customHeight="1">
      <c r="A207" s="590" t="s">
        <v>293</v>
      </c>
      <c r="B207" s="590"/>
      <c r="C207" s="590"/>
      <c r="D207" s="590"/>
      <c r="E207" s="590"/>
      <c r="F207" s="612"/>
      <c r="G207" s="612"/>
      <c r="H207" s="612"/>
      <c r="I207" s="511" t="s">
        <v>182</v>
      </c>
    </row>
    <row r="208" spans="1:9" ht="14.1" customHeight="1">
      <c r="A208" s="590"/>
      <c r="B208" s="590"/>
      <c r="C208" s="590"/>
      <c r="D208" s="590"/>
      <c r="E208" s="590"/>
      <c r="F208" s="612"/>
      <c r="G208" s="612"/>
      <c r="H208" s="612"/>
      <c r="I208" s="480"/>
    </row>
    <row r="209" spans="1:9" ht="14.1" customHeight="1">
      <c r="A209" s="590"/>
      <c r="B209" s="590"/>
      <c r="C209" s="590"/>
      <c r="D209" s="590"/>
      <c r="E209" s="590"/>
      <c r="F209" s="612"/>
      <c r="G209" s="612"/>
      <c r="H209" s="612"/>
      <c r="I209" s="480"/>
    </row>
    <row r="210" spans="1:9" ht="14.1" customHeight="1">
      <c r="A210" s="590"/>
      <c r="B210" s="590"/>
      <c r="C210" s="590"/>
      <c r="D210" s="590"/>
      <c r="E210" s="590"/>
      <c r="F210" s="612"/>
      <c r="G210" s="612"/>
      <c r="H210" s="612"/>
      <c r="I210" s="480"/>
    </row>
    <row r="211" spans="1:9" ht="14.1" customHeight="1">
      <c r="A211" s="590"/>
      <c r="B211" s="590"/>
      <c r="C211" s="590"/>
      <c r="D211" s="590"/>
      <c r="E211" s="590"/>
      <c r="F211" s="612"/>
      <c r="G211" s="612"/>
      <c r="H211" s="612"/>
      <c r="I211" s="481"/>
    </row>
    <row r="212" spans="1:9" ht="18" customHeight="1">
      <c r="A212" s="160" t="s">
        <v>282</v>
      </c>
      <c r="B212" s="147"/>
      <c r="C212" s="147"/>
      <c r="D212" s="147"/>
      <c r="E212" s="120"/>
      <c r="F212" s="117"/>
      <c r="G212" s="117"/>
      <c r="H212" s="139"/>
      <c r="I212" s="140"/>
    </row>
    <row r="213" spans="1:9" ht="14.1" customHeight="1">
      <c r="A213" s="549" t="s">
        <v>183</v>
      </c>
      <c r="B213" s="549"/>
      <c r="C213" s="549"/>
      <c r="D213" s="549"/>
      <c r="E213" s="549"/>
      <c r="F213" s="547"/>
      <c r="G213" s="547"/>
      <c r="H213" s="547"/>
      <c r="I213" s="477" t="s">
        <v>184</v>
      </c>
    </row>
    <row r="214" spans="1:9" ht="14.1" customHeight="1">
      <c r="A214" s="549"/>
      <c r="B214" s="549"/>
      <c r="C214" s="549"/>
      <c r="D214" s="549"/>
      <c r="E214" s="549"/>
      <c r="F214" s="547"/>
      <c r="G214" s="547"/>
      <c r="H214" s="547"/>
      <c r="I214" s="477"/>
    </row>
    <row r="215" spans="1:9" ht="14.1" customHeight="1">
      <c r="A215" s="549"/>
      <c r="B215" s="549"/>
      <c r="C215" s="549"/>
      <c r="D215" s="549"/>
      <c r="E215" s="549"/>
      <c r="F215" s="547"/>
      <c r="G215" s="547"/>
      <c r="H215" s="547"/>
      <c r="I215" s="477"/>
    </row>
    <row r="216" spans="1:9" ht="18" customHeight="1">
      <c r="A216" s="549" t="s">
        <v>468</v>
      </c>
      <c r="B216" s="549"/>
      <c r="C216" s="549"/>
      <c r="D216" s="549"/>
      <c r="E216" s="549"/>
      <c r="F216" s="547"/>
      <c r="G216" s="547"/>
      <c r="H216" s="547"/>
      <c r="I216" s="477"/>
    </row>
    <row r="217" spans="1:9" ht="18" customHeight="1">
      <c r="A217" s="549"/>
      <c r="B217" s="549"/>
      <c r="C217" s="549"/>
      <c r="D217" s="549"/>
      <c r="E217" s="549"/>
      <c r="F217" s="547"/>
      <c r="G217" s="547"/>
      <c r="H217" s="547"/>
      <c r="I217" s="477"/>
    </row>
    <row r="218" spans="1:9" ht="18" customHeight="1">
      <c r="A218" s="549"/>
      <c r="B218" s="549"/>
      <c r="C218" s="549"/>
      <c r="D218" s="549"/>
      <c r="E218" s="549"/>
      <c r="F218" s="547"/>
      <c r="G218" s="547"/>
      <c r="H218" s="547"/>
      <c r="I218" s="478"/>
    </row>
    <row r="219" spans="1:9" ht="18" customHeight="1">
      <c r="A219" s="578" t="s">
        <v>257</v>
      </c>
      <c r="B219" s="579"/>
      <c r="C219" s="579"/>
      <c r="D219" s="579"/>
      <c r="E219" s="142"/>
      <c r="F219" s="142"/>
      <c r="G219" s="142"/>
      <c r="H219" s="144"/>
      <c r="I219" s="143"/>
    </row>
    <row r="220" spans="1:9" ht="18" customHeight="1">
      <c r="A220" s="651" t="s">
        <v>235</v>
      </c>
      <c r="B220" s="652"/>
      <c r="C220" s="652"/>
      <c r="D220" s="652"/>
      <c r="E220" s="132"/>
      <c r="F220" s="135"/>
      <c r="G220" s="132"/>
      <c r="H220" s="162"/>
      <c r="I220" s="163"/>
    </row>
    <row r="221" spans="1:9" ht="14.1" customHeight="1">
      <c r="A221" s="549" t="s">
        <v>236</v>
      </c>
      <c r="B221" s="549"/>
      <c r="C221" s="549"/>
      <c r="D221" s="549"/>
      <c r="E221" s="549"/>
      <c r="F221" s="581"/>
      <c r="G221" s="582"/>
      <c r="H221" s="583"/>
      <c r="I221" s="477" t="s">
        <v>214</v>
      </c>
    </row>
    <row r="222" spans="1:9" ht="14.1" customHeight="1">
      <c r="A222" s="549"/>
      <c r="B222" s="549"/>
      <c r="C222" s="549"/>
      <c r="D222" s="549"/>
      <c r="E222" s="549"/>
      <c r="F222" s="584"/>
      <c r="G222" s="585"/>
      <c r="H222" s="586"/>
      <c r="I222" s="477"/>
    </row>
    <row r="223" spans="1:9" ht="14.1" customHeight="1">
      <c r="A223" s="549"/>
      <c r="B223" s="549"/>
      <c r="C223" s="549"/>
      <c r="D223" s="549"/>
      <c r="E223" s="549"/>
      <c r="F223" s="584"/>
      <c r="G223" s="585"/>
      <c r="H223" s="586"/>
      <c r="I223" s="477"/>
    </row>
    <row r="224" spans="1:9" ht="14.1" customHeight="1">
      <c r="A224" s="549"/>
      <c r="B224" s="549"/>
      <c r="C224" s="549"/>
      <c r="D224" s="549"/>
      <c r="E224" s="549"/>
      <c r="F224" s="587"/>
      <c r="G224" s="588"/>
      <c r="H224" s="589"/>
      <c r="I224" s="478"/>
    </row>
    <row r="225" spans="1:10" ht="14.1" customHeight="1">
      <c r="A225" s="549" t="s">
        <v>272</v>
      </c>
      <c r="B225" s="549"/>
      <c r="C225" s="549"/>
      <c r="D225" s="549"/>
      <c r="E225" s="549"/>
      <c r="F225" s="582"/>
      <c r="G225" s="582"/>
      <c r="H225" s="583"/>
      <c r="I225" s="482" t="s">
        <v>215</v>
      </c>
    </row>
    <row r="226" spans="1:10" ht="14.1" customHeight="1">
      <c r="A226" s="549"/>
      <c r="B226" s="549"/>
      <c r="C226" s="549"/>
      <c r="D226" s="549"/>
      <c r="E226" s="549"/>
      <c r="F226" s="585"/>
      <c r="G226" s="585"/>
      <c r="H226" s="586"/>
      <c r="I226" s="477"/>
    </row>
    <row r="227" spans="1:10" ht="14.1" customHeight="1">
      <c r="A227" s="549"/>
      <c r="B227" s="549"/>
      <c r="C227" s="549"/>
      <c r="D227" s="549"/>
      <c r="E227" s="549"/>
      <c r="F227" s="585"/>
      <c r="G227" s="585"/>
      <c r="H227" s="586"/>
      <c r="I227" s="477"/>
      <c r="J227" s="56"/>
    </row>
    <row r="228" spans="1:10" ht="14.1" customHeight="1">
      <c r="A228" s="549"/>
      <c r="B228" s="549"/>
      <c r="C228" s="549"/>
      <c r="D228" s="549"/>
      <c r="E228" s="549"/>
      <c r="F228" s="585"/>
      <c r="G228" s="585"/>
      <c r="H228" s="586"/>
      <c r="I228" s="477"/>
      <c r="J228" s="55"/>
    </row>
    <row r="229" spans="1:10" ht="14.1" customHeight="1">
      <c r="A229" s="549"/>
      <c r="B229" s="549"/>
      <c r="C229" s="549"/>
      <c r="D229" s="549"/>
      <c r="E229" s="549"/>
      <c r="F229" s="585"/>
      <c r="G229" s="585"/>
      <c r="H229" s="586"/>
      <c r="I229" s="477"/>
      <c r="J229" s="55"/>
    </row>
    <row r="230" spans="1:10" ht="14.1" customHeight="1">
      <c r="A230" s="549"/>
      <c r="B230" s="549"/>
      <c r="C230" s="549"/>
      <c r="D230" s="549"/>
      <c r="E230" s="549"/>
      <c r="F230" s="585"/>
      <c r="G230" s="585"/>
      <c r="H230" s="586"/>
      <c r="I230" s="477"/>
      <c r="J230" s="55"/>
    </row>
    <row r="231" spans="1:10" ht="14.1" customHeight="1">
      <c r="A231" s="549"/>
      <c r="B231" s="549"/>
      <c r="C231" s="549"/>
      <c r="D231" s="549"/>
      <c r="E231" s="549"/>
      <c r="F231" s="588"/>
      <c r="G231" s="588"/>
      <c r="H231" s="589"/>
      <c r="I231" s="478"/>
      <c r="J231" s="55"/>
    </row>
    <row r="232" spans="1:10" ht="14.1" customHeight="1">
      <c r="A232" s="590" t="s">
        <v>412</v>
      </c>
      <c r="B232" s="590"/>
      <c r="C232" s="590"/>
      <c r="D232" s="590"/>
      <c r="E232" s="590"/>
      <c r="F232" s="408"/>
      <c r="G232" s="408"/>
      <c r="H232" s="409"/>
      <c r="I232" s="511" t="s">
        <v>406</v>
      </c>
    </row>
    <row r="233" spans="1:10" ht="14.1" customHeight="1">
      <c r="A233" s="590"/>
      <c r="B233" s="590"/>
      <c r="C233" s="590"/>
      <c r="D233" s="590"/>
      <c r="E233" s="590"/>
      <c r="F233" s="411"/>
      <c r="G233" s="411"/>
      <c r="H233" s="412"/>
      <c r="I233" s="480"/>
    </row>
    <row r="234" spans="1:10" ht="14.1" customHeight="1">
      <c r="A234" s="590"/>
      <c r="B234" s="590"/>
      <c r="C234" s="590"/>
      <c r="D234" s="590"/>
      <c r="E234" s="590"/>
      <c r="F234" s="411"/>
      <c r="G234" s="411"/>
      <c r="H234" s="412"/>
      <c r="I234" s="480"/>
      <c r="J234" s="56"/>
    </row>
    <row r="235" spans="1:10" ht="14.1" customHeight="1">
      <c r="A235" s="590"/>
      <c r="B235" s="590"/>
      <c r="C235" s="590"/>
      <c r="D235" s="590"/>
      <c r="E235" s="590"/>
      <c r="F235" s="411"/>
      <c r="G235" s="411"/>
      <c r="H235" s="412"/>
      <c r="I235" s="480"/>
      <c r="J235" s="55"/>
    </row>
    <row r="236" spans="1:10" ht="14.1" customHeight="1">
      <c r="A236" s="615" t="s">
        <v>504</v>
      </c>
      <c r="B236" s="615"/>
      <c r="C236" s="615"/>
      <c r="D236" s="615"/>
      <c r="E236" s="615"/>
      <c r="F236" s="408"/>
      <c r="G236" s="408"/>
      <c r="H236" s="409"/>
      <c r="I236" s="511" t="s">
        <v>406</v>
      </c>
    </row>
    <row r="237" spans="1:10" ht="14.1" customHeight="1">
      <c r="A237" s="615"/>
      <c r="B237" s="615"/>
      <c r="C237" s="615"/>
      <c r="D237" s="615"/>
      <c r="E237" s="615"/>
      <c r="F237" s="411"/>
      <c r="G237" s="411"/>
      <c r="H237" s="412"/>
      <c r="I237" s="480"/>
    </row>
    <row r="238" spans="1:10" ht="14.1" customHeight="1">
      <c r="A238" s="615"/>
      <c r="B238" s="615"/>
      <c r="C238" s="615"/>
      <c r="D238" s="615"/>
      <c r="E238" s="615"/>
      <c r="F238" s="411"/>
      <c r="G238" s="411"/>
      <c r="H238" s="412"/>
      <c r="I238" s="480"/>
    </row>
    <row r="239" spans="1:10" ht="14.1" customHeight="1">
      <c r="A239" s="615"/>
      <c r="B239" s="615"/>
      <c r="C239" s="615"/>
      <c r="D239" s="615"/>
      <c r="E239" s="615"/>
      <c r="F239" s="411"/>
      <c r="G239" s="411"/>
      <c r="H239" s="412"/>
      <c r="I239" s="480"/>
    </row>
    <row r="240" spans="1:10" ht="20.25" customHeight="1">
      <c r="A240" s="615"/>
      <c r="B240" s="615"/>
      <c r="C240" s="615"/>
      <c r="D240" s="615"/>
      <c r="E240" s="615"/>
      <c r="F240" s="411"/>
      <c r="G240" s="411"/>
      <c r="H240" s="412"/>
      <c r="I240" s="480"/>
      <c r="J240" s="55"/>
    </row>
    <row r="241" spans="1:10" ht="20.25" customHeight="1">
      <c r="A241" s="615"/>
      <c r="B241" s="615"/>
      <c r="C241" s="615"/>
      <c r="D241" s="615"/>
      <c r="E241" s="615"/>
      <c r="F241" s="411"/>
      <c r="G241" s="411"/>
      <c r="H241" s="412"/>
      <c r="I241" s="480"/>
      <c r="J241" s="55"/>
    </row>
    <row r="242" spans="1:10" ht="14.1" customHeight="1">
      <c r="A242" s="615"/>
      <c r="B242" s="615"/>
      <c r="C242" s="615"/>
      <c r="D242" s="615"/>
      <c r="E242" s="615"/>
      <c r="F242" s="414"/>
      <c r="G242" s="414"/>
      <c r="H242" s="415"/>
      <c r="I242" s="481"/>
    </row>
    <row r="243" spans="1:10" ht="14.1" customHeight="1">
      <c r="A243" s="531" t="s">
        <v>159</v>
      </c>
      <c r="B243" s="531"/>
      <c r="C243" s="531"/>
      <c r="D243" s="531"/>
      <c r="E243" s="531"/>
      <c r="F243" s="532" t="s">
        <v>158</v>
      </c>
      <c r="G243" s="532"/>
      <c r="H243" s="533"/>
      <c r="I243" s="538" t="s">
        <v>0</v>
      </c>
    </row>
    <row r="244" spans="1:10" ht="14.1" customHeight="1">
      <c r="A244" s="531"/>
      <c r="B244" s="531"/>
      <c r="C244" s="531"/>
      <c r="D244" s="531"/>
      <c r="E244" s="531"/>
      <c r="F244" s="534"/>
      <c r="G244" s="534"/>
      <c r="H244" s="535"/>
      <c r="I244" s="539"/>
    </row>
    <row r="245" spans="1:10" ht="14.1" customHeight="1">
      <c r="A245" s="531"/>
      <c r="B245" s="531"/>
      <c r="C245" s="531"/>
      <c r="D245" s="531"/>
      <c r="E245" s="531"/>
      <c r="F245" s="536"/>
      <c r="G245" s="536"/>
      <c r="H245" s="537"/>
      <c r="I245" s="540"/>
    </row>
    <row r="246" spans="1:10" ht="14.1" customHeight="1">
      <c r="A246" s="590" t="s">
        <v>413</v>
      </c>
      <c r="B246" s="590"/>
      <c r="C246" s="590"/>
      <c r="D246" s="590"/>
      <c r="E246" s="590"/>
      <c r="F246" s="407"/>
      <c r="G246" s="408"/>
      <c r="H246" s="409"/>
      <c r="I246" s="511" t="s">
        <v>407</v>
      </c>
    </row>
    <row r="247" spans="1:10" ht="14.1" customHeight="1">
      <c r="A247" s="590"/>
      <c r="B247" s="590"/>
      <c r="C247" s="590"/>
      <c r="D247" s="590"/>
      <c r="E247" s="590"/>
      <c r="F247" s="410"/>
      <c r="G247" s="411"/>
      <c r="H247" s="412"/>
      <c r="I247" s="480"/>
    </row>
    <row r="248" spans="1:10" ht="14.1" customHeight="1">
      <c r="A248" s="590"/>
      <c r="B248" s="590"/>
      <c r="C248" s="590"/>
      <c r="D248" s="590"/>
      <c r="E248" s="590"/>
      <c r="F248" s="410"/>
      <c r="G248" s="411"/>
      <c r="H248" s="412"/>
      <c r="I248" s="480"/>
    </row>
    <row r="249" spans="1:10" ht="14.1" customHeight="1">
      <c r="A249" s="590"/>
      <c r="B249" s="590"/>
      <c r="C249" s="590"/>
      <c r="D249" s="590"/>
      <c r="E249" s="590"/>
      <c r="F249" s="410"/>
      <c r="G249" s="411"/>
      <c r="H249" s="412"/>
      <c r="I249" s="480"/>
    </row>
    <row r="250" spans="1:10" ht="14.1" customHeight="1">
      <c r="A250" s="590"/>
      <c r="B250" s="590"/>
      <c r="C250" s="590"/>
      <c r="D250" s="590"/>
      <c r="E250" s="590"/>
      <c r="F250" s="410"/>
      <c r="G250" s="411"/>
      <c r="H250" s="412"/>
      <c r="I250" s="480"/>
    </row>
    <row r="251" spans="1:10" ht="17.45" customHeight="1">
      <c r="A251" s="590"/>
      <c r="B251" s="590"/>
      <c r="C251" s="590"/>
      <c r="D251" s="590"/>
      <c r="E251" s="590"/>
      <c r="F251" s="413"/>
      <c r="G251" s="414"/>
      <c r="H251" s="415"/>
      <c r="I251" s="480"/>
    </row>
    <row r="252" spans="1:10" ht="13.9" customHeight="1">
      <c r="A252" s="615" t="s">
        <v>414</v>
      </c>
      <c r="B252" s="615"/>
      <c r="C252" s="615"/>
      <c r="D252" s="615"/>
      <c r="E252" s="615"/>
      <c r="F252" s="804"/>
      <c r="G252" s="284"/>
      <c r="H252" s="285"/>
      <c r="I252" s="511" t="s">
        <v>407</v>
      </c>
    </row>
    <row r="253" spans="1:10" ht="13.9" customHeight="1">
      <c r="A253" s="615"/>
      <c r="B253" s="615"/>
      <c r="C253" s="615"/>
      <c r="D253" s="615"/>
      <c r="E253" s="615"/>
      <c r="F253" s="805" t="s">
        <v>485</v>
      </c>
      <c r="G253" s="286"/>
      <c r="H253" s="287"/>
      <c r="I253" s="480"/>
    </row>
    <row r="254" spans="1:10" ht="18.75" customHeight="1">
      <c r="A254" s="615"/>
      <c r="B254" s="615"/>
      <c r="C254" s="615"/>
      <c r="D254" s="615"/>
      <c r="E254" s="615"/>
      <c r="F254" s="806"/>
      <c r="G254" s="286"/>
      <c r="H254" s="287"/>
      <c r="I254" s="480"/>
    </row>
    <row r="255" spans="1:10" ht="18.75" customHeight="1">
      <c r="A255" s="615"/>
      <c r="B255" s="615"/>
      <c r="C255" s="615"/>
      <c r="D255" s="615"/>
      <c r="E255" s="615"/>
      <c r="F255" s="806"/>
      <c r="G255" s="286"/>
      <c r="H255" s="287"/>
      <c r="I255" s="480"/>
    </row>
    <row r="256" spans="1:10" ht="27.75" customHeight="1">
      <c r="A256" s="615"/>
      <c r="B256" s="615"/>
      <c r="C256" s="615"/>
      <c r="D256" s="615"/>
      <c r="E256" s="615"/>
      <c r="F256" s="525" t="s">
        <v>489</v>
      </c>
      <c r="G256" s="526"/>
      <c r="H256" s="527"/>
      <c r="I256" s="480"/>
    </row>
    <row r="257" spans="1:10" ht="30.75" customHeight="1">
      <c r="A257" s="615"/>
      <c r="B257" s="615"/>
      <c r="C257" s="615"/>
      <c r="D257" s="615"/>
      <c r="E257" s="615"/>
      <c r="F257" s="525" t="s">
        <v>486</v>
      </c>
      <c r="G257" s="526"/>
      <c r="H257" s="527"/>
      <c r="I257" s="480"/>
    </row>
    <row r="258" spans="1:10" ht="11.25" customHeight="1">
      <c r="A258" s="615"/>
      <c r="B258" s="615"/>
      <c r="C258" s="615"/>
      <c r="D258" s="615"/>
      <c r="E258" s="615"/>
      <c r="F258" s="361"/>
      <c r="G258" s="362"/>
      <c r="H258" s="363"/>
      <c r="I258" s="480"/>
    </row>
    <row r="259" spans="1:10" ht="21.75" customHeight="1">
      <c r="A259" s="615"/>
      <c r="B259" s="615"/>
      <c r="C259" s="615"/>
      <c r="D259" s="615"/>
      <c r="E259" s="615"/>
      <c r="F259" s="806"/>
      <c r="G259" s="286"/>
      <c r="H259" s="287"/>
      <c r="I259" s="480"/>
      <c r="J259" s="56"/>
    </row>
    <row r="260" spans="1:10" ht="13.9" customHeight="1">
      <c r="A260" s="615"/>
      <c r="B260" s="615"/>
      <c r="C260" s="615"/>
      <c r="D260" s="615"/>
      <c r="E260" s="615"/>
      <c r="F260" s="807" t="s">
        <v>487</v>
      </c>
      <c r="G260" s="288"/>
      <c r="H260" s="289"/>
      <c r="I260" s="480"/>
      <c r="J260" s="55"/>
    </row>
    <row r="261" spans="1:10" ht="13.9" customHeight="1">
      <c r="A261" s="615"/>
      <c r="B261" s="615"/>
      <c r="C261" s="615"/>
      <c r="D261" s="615"/>
      <c r="E261" s="615"/>
      <c r="F261" s="807" t="s">
        <v>488</v>
      </c>
      <c r="G261" s="290"/>
      <c r="H261" s="291"/>
      <c r="I261" s="480"/>
      <c r="J261" s="55"/>
    </row>
    <row r="262" spans="1:10" ht="7.5" customHeight="1">
      <c r="A262" s="615"/>
      <c r="B262" s="615"/>
      <c r="C262" s="615"/>
      <c r="D262" s="615"/>
      <c r="E262" s="615"/>
      <c r="F262" s="544"/>
      <c r="G262" s="545"/>
      <c r="H262" s="546"/>
      <c r="I262" s="480"/>
      <c r="J262" s="55"/>
    </row>
    <row r="263" spans="1:10" ht="19.5" customHeight="1">
      <c r="A263" s="615"/>
      <c r="B263" s="615"/>
      <c r="C263" s="615"/>
      <c r="D263" s="615"/>
      <c r="E263" s="615"/>
      <c r="F263" s="364"/>
      <c r="G263" s="365"/>
      <c r="H263" s="366"/>
      <c r="I263" s="480"/>
      <c r="J263" s="55"/>
    </row>
    <row r="264" spans="1:10" ht="13.9" customHeight="1">
      <c r="A264" s="615"/>
      <c r="B264" s="615"/>
      <c r="C264" s="615"/>
      <c r="D264" s="615"/>
      <c r="E264" s="615"/>
      <c r="F264" s="617" t="s">
        <v>490</v>
      </c>
      <c r="G264" s="618"/>
      <c r="H264" s="619"/>
      <c r="I264" s="480"/>
      <c r="J264" s="55"/>
    </row>
    <row r="265" spans="1:10" ht="9" customHeight="1">
      <c r="A265" s="615"/>
      <c r="B265" s="615"/>
      <c r="C265" s="615"/>
      <c r="D265" s="615"/>
      <c r="E265" s="615"/>
      <c r="F265" s="358"/>
      <c r="G265" s="359"/>
      <c r="H265" s="360"/>
      <c r="I265" s="480"/>
      <c r="J265" s="55"/>
    </row>
    <row r="266" spans="1:10" ht="39" customHeight="1">
      <c r="A266" s="615"/>
      <c r="B266" s="615"/>
      <c r="C266" s="615"/>
      <c r="D266" s="615"/>
      <c r="E266" s="615"/>
      <c r="F266" s="541" t="s">
        <v>491</v>
      </c>
      <c r="G266" s="542"/>
      <c r="H266" s="543"/>
      <c r="I266" s="480"/>
      <c r="J266" s="55"/>
    </row>
    <row r="267" spans="1:10" ht="15.75" customHeight="1">
      <c r="A267" s="615"/>
      <c r="B267" s="615"/>
      <c r="C267" s="615"/>
      <c r="D267" s="615"/>
      <c r="E267" s="615"/>
      <c r="F267" s="541"/>
      <c r="G267" s="542"/>
      <c r="H267" s="543"/>
      <c r="I267" s="480"/>
      <c r="J267" s="55"/>
    </row>
    <row r="268" spans="1:10" ht="24.75" customHeight="1">
      <c r="A268" s="615"/>
      <c r="B268" s="615"/>
      <c r="C268" s="615"/>
      <c r="D268" s="615"/>
      <c r="E268" s="615"/>
      <c r="F268" s="525" t="s">
        <v>492</v>
      </c>
      <c r="G268" s="526"/>
      <c r="H268" s="527"/>
      <c r="I268" s="480"/>
      <c r="J268" s="55"/>
    </row>
    <row r="269" spans="1:10" ht="24.75" customHeight="1">
      <c r="A269" s="615"/>
      <c r="B269" s="615"/>
      <c r="C269" s="615"/>
      <c r="D269" s="615"/>
      <c r="E269" s="615"/>
      <c r="F269" s="525"/>
      <c r="G269" s="526"/>
      <c r="H269" s="527"/>
      <c r="I269" s="480"/>
      <c r="J269" s="55"/>
    </row>
    <row r="270" spans="1:10" ht="24.75" customHeight="1">
      <c r="A270" s="615"/>
      <c r="B270" s="615"/>
      <c r="C270" s="615"/>
      <c r="D270" s="615"/>
      <c r="E270" s="615"/>
      <c r="F270" s="528"/>
      <c r="G270" s="529"/>
      <c r="H270" s="530"/>
      <c r="I270" s="481"/>
      <c r="J270" s="55"/>
    </row>
    <row r="271" spans="1:10" ht="18" customHeight="1">
      <c r="A271" s="578" t="s">
        <v>237</v>
      </c>
      <c r="B271" s="579"/>
      <c r="C271" s="579"/>
      <c r="D271" s="579"/>
      <c r="E271" s="147"/>
      <c r="F271" s="138"/>
      <c r="G271" s="142"/>
      <c r="H271" s="139"/>
      <c r="I271" s="149"/>
    </row>
    <row r="272" spans="1:10" ht="14.1" customHeight="1">
      <c r="A272" s="549" t="s">
        <v>185</v>
      </c>
      <c r="B272" s="549"/>
      <c r="C272" s="549"/>
      <c r="D272" s="549"/>
      <c r="E272" s="549"/>
      <c r="F272" s="547"/>
      <c r="G272" s="547"/>
      <c r="H272" s="547"/>
      <c r="I272" s="482" t="s">
        <v>94</v>
      </c>
    </row>
    <row r="273" spans="1:13" ht="14.1" customHeight="1">
      <c r="A273" s="549"/>
      <c r="B273" s="549"/>
      <c r="C273" s="549"/>
      <c r="D273" s="549"/>
      <c r="E273" s="549"/>
      <c r="F273" s="547"/>
      <c r="G273" s="547"/>
      <c r="H273" s="547"/>
      <c r="I273" s="477"/>
    </row>
    <row r="274" spans="1:13" ht="14.1" customHeight="1">
      <c r="A274" s="549"/>
      <c r="B274" s="549"/>
      <c r="C274" s="549"/>
      <c r="D274" s="549"/>
      <c r="E274" s="549"/>
      <c r="F274" s="547"/>
      <c r="G274" s="547"/>
      <c r="H274" s="547"/>
      <c r="I274" s="477"/>
    </row>
    <row r="275" spans="1:13" ht="14.1" customHeight="1">
      <c r="A275" s="549"/>
      <c r="B275" s="549"/>
      <c r="C275" s="549"/>
      <c r="D275" s="549"/>
      <c r="E275" s="549"/>
      <c r="F275" s="547"/>
      <c r="G275" s="547"/>
      <c r="H275" s="547"/>
      <c r="I275" s="478"/>
    </row>
    <row r="276" spans="1:13" ht="14.1" customHeight="1">
      <c r="A276" s="549" t="s">
        <v>32</v>
      </c>
      <c r="B276" s="549"/>
      <c r="C276" s="549"/>
      <c r="D276" s="549"/>
      <c r="E276" s="549"/>
      <c r="F276" s="582"/>
      <c r="G276" s="582"/>
      <c r="H276" s="583"/>
      <c r="I276" s="482" t="s">
        <v>95</v>
      </c>
    </row>
    <row r="277" spans="1:13" ht="14.1" customHeight="1">
      <c r="A277" s="549"/>
      <c r="B277" s="549"/>
      <c r="C277" s="549"/>
      <c r="D277" s="549"/>
      <c r="E277" s="549"/>
      <c r="F277" s="585"/>
      <c r="G277" s="585"/>
      <c r="H277" s="586"/>
      <c r="I277" s="477"/>
    </row>
    <row r="278" spans="1:13" ht="14.1" customHeight="1">
      <c r="A278" s="549"/>
      <c r="B278" s="549"/>
      <c r="C278" s="549"/>
      <c r="D278" s="549"/>
      <c r="E278" s="549"/>
      <c r="F278" s="585"/>
      <c r="G278" s="585"/>
      <c r="H278" s="586"/>
      <c r="I278" s="477"/>
    </row>
    <row r="279" spans="1:13" ht="14.1" customHeight="1">
      <c r="A279" s="549"/>
      <c r="B279" s="549"/>
      <c r="C279" s="549"/>
      <c r="D279" s="549"/>
      <c r="E279" s="549"/>
      <c r="F279" s="585"/>
      <c r="G279" s="585"/>
      <c r="H279" s="586"/>
      <c r="I279" s="477"/>
    </row>
    <row r="280" spans="1:13" ht="14.1" customHeight="1">
      <c r="A280" s="549"/>
      <c r="B280" s="549"/>
      <c r="C280" s="549"/>
      <c r="D280" s="549"/>
      <c r="E280" s="549"/>
      <c r="F280" s="588"/>
      <c r="G280" s="588"/>
      <c r="H280" s="589"/>
      <c r="I280" s="478"/>
    </row>
    <row r="281" spans="1:13" ht="18" customHeight="1">
      <c r="A281" s="164" t="s">
        <v>262</v>
      </c>
      <c r="B281" s="165"/>
      <c r="C281" s="165"/>
      <c r="D281" s="165"/>
      <c r="E281" s="165"/>
      <c r="F281" s="122"/>
      <c r="G281" s="122"/>
      <c r="H281" s="122"/>
      <c r="I281" s="143"/>
    </row>
    <row r="282" spans="1:13" ht="18" customHeight="1">
      <c r="A282" s="166" t="s">
        <v>263</v>
      </c>
      <c r="B282" s="167"/>
      <c r="C282" s="167"/>
      <c r="D282" s="167"/>
      <c r="E282" s="167"/>
      <c r="F282" s="135"/>
      <c r="G282" s="135"/>
      <c r="H282" s="136"/>
      <c r="I282" s="137"/>
    </row>
    <row r="283" spans="1:13" customFormat="1" ht="12.75" customHeight="1">
      <c r="A283" s="556" t="s">
        <v>471</v>
      </c>
      <c r="B283" s="556"/>
      <c r="C283" s="556"/>
      <c r="D283" s="556"/>
      <c r="E283" s="556"/>
      <c r="F283" s="557" t="s">
        <v>258</v>
      </c>
      <c r="G283" s="558"/>
      <c r="H283" s="559"/>
      <c r="I283" s="572" t="s">
        <v>283</v>
      </c>
      <c r="K283" s="52"/>
      <c r="L283" s="52"/>
      <c r="M283" s="52"/>
    </row>
    <row r="284" spans="1:13" customFormat="1" ht="12.75" customHeight="1">
      <c r="A284" s="556"/>
      <c r="B284" s="556"/>
      <c r="C284" s="556"/>
      <c r="D284" s="556"/>
      <c r="E284" s="556"/>
      <c r="F284" s="557"/>
      <c r="G284" s="558"/>
      <c r="H284" s="559"/>
      <c r="I284" s="573"/>
      <c r="K284" s="52"/>
      <c r="L284" s="52"/>
      <c r="M284" s="52"/>
    </row>
    <row r="285" spans="1:13" customFormat="1" ht="12.75" customHeight="1">
      <c r="A285" s="556"/>
      <c r="B285" s="556"/>
      <c r="C285" s="556"/>
      <c r="D285" s="556"/>
      <c r="E285" s="556"/>
      <c r="F285" s="560"/>
      <c r="G285" s="561"/>
      <c r="H285" s="562"/>
      <c r="I285" s="573"/>
      <c r="K285" s="52"/>
      <c r="L285" s="52"/>
      <c r="M285" s="52"/>
    </row>
    <row r="286" spans="1:13" customFormat="1" ht="12.75" customHeight="1">
      <c r="A286" s="556"/>
      <c r="B286" s="556"/>
      <c r="C286" s="556"/>
      <c r="D286" s="556"/>
      <c r="E286" s="556"/>
      <c r="F286" s="563" t="s">
        <v>259</v>
      </c>
      <c r="G286" s="564"/>
      <c r="H286" s="565"/>
      <c r="I286" s="573"/>
      <c r="K286" s="52"/>
      <c r="L286" s="52"/>
      <c r="M286" s="52"/>
    </row>
    <row r="287" spans="1:13" customFormat="1" ht="12.75" customHeight="1">
      <c r="A287" s="556"/>
      <c r="B287" s="556"/>
      <c r="C287" s="556"/>
      <c r="D287" s="556"/>
      <c r="E287" s="556"/>
      <c r="F287" s="566"/>
      <c r="G287" s="567"/>
      <c r="H287" s="568"/>
      <c r="I287" s="573"/>
      <c r="K287" s="52"/>
      <c r="L287" s="52"/>
      <c r="M287" s="52"/>
    </row>
    <row r="288" spans="1:13" customFormat="1" ht="12.75" customHeight="1">
      <c r="A288" s="556"/>
      <c r="B288" s="556"/>
      <c r="C288" s="556"/>
      <c r="D288" s="556"/>
      <c r="E288" s="556"/>
      <c r="F288" s="569"/>
      <c r="G288" s="570"/>
      <c r="H288" s="571"/>
      <c r="I288" s="573"/>
      <c r="K288" s="52"/>
      <c r="L288" s="52"/>
      <c r="M288" s="52"/>
    </row>
    <row r="289" spans="1:14" customFormat="1" ht="12.75" customHeight="1">
      <c r="A289" s="556"/>
      <c r="B289" s="556"/>
      <c r="C289" s="556"/>
      <c r="D289" s="556"/>
      <c r="E289" s="556"/>
      <c r="F289" s="563" t="s">
        <v>260</v>
      </c>
      <c r="G289" s="564"/>
      <c r="H289" s="565"/>
      <c r="I289" s="573"/>
      <c r="K289" s="52"/>
      <c r="L289" s="52"/>
      <c r="M289" s="52"/>
    </row>
    <row r="290" spans="1:14" customFormat="1" ht="12.75" customHeight="1">
      <c r="A290" s="556"/>
      <c r="B290" s="556"/>
      <c r="C290" s="556"/>
      <c r="D290" s="556"/>
      <c r="E290" s="556"/>
      <c r="F290" s="566"/>
      <c r="G290" s="567"/>
      <c r="H290" s="568"/>
      <c r="I290" s="573"/>
      <c r="K290" s="52"/>
      <c r="L290" s="52"/>
      <c r="M290" s="52"/>
    </row>
    <row r="291" spans="1:14" customFormat="1" ht="12.75" customHeight="1">
      <c r="A291" s="556"/>
      <c r="B291" s="556"/>
      <c r="C291" s="556"/>
      <c r="D291" s="556"/>
      <c r="E291" s="556"/>
      <c r="F291" s="569"/>
      <c r="G291" s="570"/>
      <c r="H291" s="571"/>
      <c r="I291" s="573"/>
      <c r="K291" s="52"/>
      <c r="L291" s="52"/>
      <c r="M291" s="52"/>
    </row>
    <row r="292" spans="1:14" customFormat="1" ht="12.75" customHeight="1">
      <c r="A292" s="556"/>
      <c r="B292" s="556"/>
      <c r="C292" s="556"/>
      <c r="D292" s="556"/>
      <c r="E292" s="556"/>
      <c r="F292" s="563" t="s">
        <v>261</v>
      </c>
      <c r="G292" s="564"/>
      <c r="H292" s="565"/>
      <c r="I292" s="573"/>
      <c r="K292" s="52"/>
      <c r="L292" s="52"/>
      <c r="M292" s="52"/>
    </row>
    <row r="293" spans="1:14" customFormat="1" ht="12.75" customHeight="1">
      <c r="A293" s="556"/>
      <c r="B293" s="556"/>
      <c r="C293" s="556"/>
      <c r="D293" s="556"/>
      <c r="E293" s="556"/>
      <c r="F293" s="566"/>
      <c r="G293" s="567"/>
      <c r="H293" s="568"/>
      <c r="I293" s="573"/>
      <c r="K293" s="52"/>
      <c r="L293" s="52"/>
      <c r="M293" s="52"/>
    </row>
    <row r="294" spans="1:14" customFormat="1" ht="12.75" customHeight="1">
      <c r="A294" s="556"/>
      <c r="B294" s="556"/>
      <c r="C294" s="556"/>
      <c r="D294" s="556"/>
      <c r="E294" s="556"/>
      <c r="F294" s="569"/>
      <c r="G294" s="570"/>
      <c r="H294" s="571"/>
      <c r="I294" s="573"/>
      <c r="K294" s="52"/>
      <c r="L294" s="52"/>
      <c r="M294" s="52"/>
    </row>
    <row r="295" spans="1:14" customFormat="1" ht="12.75" customHeight="1">
      <c r="A295" s="556"/>
      <c r="B295" s="556"/>
      <c r="C295" s="556"/>
      <c r="D295" s="556"/>
      <c r="E295" s="556"/>
      <c r="F295" s="563" t="s">
        <v>160</v>
      </c>
      <c r="G295" s="564"/>
      <c r="H295" s="565"/>
      <c r="I295" s="573"/>
      <c r="K295" s="52"/>
      <c r="L295" s="52"/>
      <c r="M295" s="52"/>
    </row>
    <row r="296" spans="1:14" customFormat="1" ht="12.75" customHeight="1">
      <c r="A296" s="556"/>
      <c r="B296" s="556"/>
      <c r="C296" s="556"/>
      <c r="D296" s="556"/>
      <c r="E296" s="556"/>
      <c r="F296" s="566"/>
      <c r="G296" s="567"/>
      <c r="H296" s="568"/>
      <c r="I296" s="573"/>
      <c r="K296" s="52"/>
      <c r="L296" s="52"/>
      <c r="M296" s="52"/>
    </row>
    <row r="297" spans="1:14" customFormat="1" ht="12.75" customHeight="1">
      <c r="A297" s="556"/>
      <c r="B297" s="556"/>
      <c r="C297" s="556"/>
      <c r="D297" s="556"/>
      <c r="E297" s="556"/>
      <c r="F297" s="569"/>
      <c r="G297" s="570"/>
      <c r="H297" s="571"/>
      <c r="I297" s="574"/>
      <c r="K297" s="52"/>
      <c r="L297" s="52"/>
      <c r="M297" s="52"/>
    </row>
    <row r="298" spans="1:14" customFormat="1" ht="18.600000000000001" customHeight="1">
      <c r="A298" s="168" t="s">
        <v>264</v>
      </c>
      <c r="B298" s="169"/>
      <c r="C298" s="169"/>
      <c r="D298" s="169"/>
      <c r="E298" s="169"/>
      <c r="F298" s="122"/>
      <c r="G298" s="122"/>
      <c r="H298" s="122"/>
      <c r="I298" s="159"/>
      <c r="L298" s="52"/>
      <c r="M298" s="52"/>
      <c r="N298" s="52"/>
    </row>
    <row r="299" spans="1:14" customFormat="1" ht="18.600000000000001" customHeight="1">
      <c r="A299" s="170" t="s">
        <v>265</v>
      </c>
      <c r="B299" s="171"/>
      <c r="C299" s="171"/>
      <c r="D299" s="171"/>
      <c r="E299" s="171"/>
      <c r="F299" s="123"/>
      <c r="G299" s="123"/>
      <c r="H299" s="123"/>
      <c r="I299" s="127"/>
      <c r="L299" s="52"/>
      <c r="M299" s="52"/>
      <c r="N299" s="52"/>
    </row>
    <row r="300" spans="1:14" customFormat="1" ht="15.75" customHeight="1">
      <c r="A300" s="556" t="s">
        <v>469</v>
      </c>
      <c r="B300" s="556"/>
      <c r="C300" s="556"/>
      <c r="D300" s="556"/>
      <c r="E300" s="556"/>
      <c r="F300" s="547"/>
      <c r="G300" s="547"/>
      <c r="H300" s="547"/>
      <c r="I300" s="552" t="s">
        <v>274</v>
      </c>
      <c r="L300" s="52"/>
      <c r="M300" s="52"/>
      <c r="N300" s="52"/>
    </row>
    <row r="301" spans="1:14" customFormat="1" ht="15.75" customHeight="1">
      <c r="A301" s="556"/>
      <c r="B301" s="556"/>
      <c r="C301" s="556"/>
      <c r="D301" s="556"/>
      <c r="E301" s="556"/>
      <c r="F301" s="547"/>
      <c r="G301" s="547"/>
      <c r="H301" s="547"/>
      <c r="I301" s="553"/>
      <c r="L301" s="52"/>
      <c r="M301" s="52"/>
      <c r="N301" s="52"/>
    </row>
    <row r="302" spans="1:14" customFormat="1" ht="15.75" customHeight="1">
      <c r="A302" s="556"/>
      <c r="B302" s="556"/>
      <c r="C302" s="556"/>
      <c r="D302" s="556"/>
      <c r="E302" s="556"/>
      <c r="F302" s="547"/>
      <c r="G302" s="547"/>
      <c r="H302" s="547"/>
      <c r="I302" s="554"/>
      <c r="L302" s="52"/>
      <c r="M302" s="52"/>
      <c r="N302" s="52"/>
    </row>
    <row r="303" spans="1:14" customFormat="1" ht="15.75" customHeight="1">
      <c r="A303" s="556" t="s">
        <v>470</v>
      </c>
      <c r="B303" s="556"/>
      <c r="C303" s="556"/>
      <c r="D303" s="556"/>
      <c r="E303" s="556"/>
      <c r="F303" s="555"/>
      <c r="G303" s="555"/>
      <c r="H303" s="555"/>
      <c r="I303" s="552" t="s">
        <v>275</v>
      </c>
      <c r="K303" s="640"/>
      <c r="L303" s="641"/>
      <c r="M303" s="641"/>
      <c r="N303" s="52"/>
    </row>
    <row r="304" spans="1:14" customFormat="1" ht="15.75" customHeight="1">
      <c r="A304" s="556"/>
      <c r="B304" s="556"/>
      <c r="C304" s="556"/>
      <c r="D304" s="556"/>
      <c r="E304" s="556"/>
      <c r="F304" s="555"/>
      <c r="G304" s="555"/>
      <c r="H304" s="555"/>
      <c r="I304" s="553"/>
      <c r="K304" s="641"/>
      <c r="L304" s="641"/>
      <c r="M304" s="641"/>
      <c r="N304" s="52"/>
    </row>
    <row r="305" spans="1:14" customFormat="1" ht="15.75" customHeight="1">
      <c r="A305" s="556"/>
      <c r="B305" s="556"/>
      <c r="C305" s="556"/>
      <c r="D305" s="556"/>
      <c r="E305" s="556"/>
      <c r="F305" s="555"/>
      <c r="G305" s="555"/>
      <c r="H305" s="555"/>
      <c r="I305" s="553"/>
      <c r="K305" s="641"/>
      <c r="L305" s="641"/>
      <c r="M305" s="641"/>
      <c r="N305" s="52"/>
    </row>
    <row r="306" spans="1:14" customFormat="1" ht="15.75" customHeight="1">
      <c r="A306" s="556"/>
      <c r="B306" s="556"/>
      <c r="C306" s="556"/>
      <c r="D306" s="556"/>
      <c r="E306" s="556"/>
      <c r="F306" s="555"/>
      <c r="G306" s="555"/>
      <c r="H306" s="555"/>
      <c r="I306" s="554"/>
      <c r="K306" s="641"/>
      <c r="L306" s="641"/>
      <c r="M306" s="641"/>
      <c r="N306" s="52"/>
    </row>
  </sheetData>
  <mergeCells count="215">
    <mergeCell ref="K303:M306"/>
    <mergeCell ref="A216:E218"/>
    <mergeCell ref="I139:I141"/>
    <mergeCell ref="A184:E186"/>
    <mergeCell ref="F184:H186"/>
    <mergeCell ref="F225:H231"/>
    <mergeCell ref="F133:H135"/>
    <mergeCell ref="I144:I148"/>
    <mergeCell ref="I149:I151"/>
    <mergeCell ref="I136:I138"/>
    <mergeCell ref="A207:E211"/>
    <mergeCell ref="A204:E206"/>
    <mergeCell ref="F187:H190"/>
    <mergeCell ref="A139:E141"/>
    <mergeCell ref="A169:E171"/>
    <mergeCell ref="F276:H280"/>
    <mergeCell ref="I225:I231"/>
    <mergeCell ref="I200:I202"/>
    <mergeCell ref="I276:I280"/>
    <mergeCell ref="A219:D219"/>
    <mergeCell ref="A220:D220"/>
    <mergeCell ref="F221:H224"/>
    <mergeCell ref="A276:E280"/>
    <mergeCell ref="A272:E275"/>
    <mergeCell ref="A157:D157"/>
    <mergeCell ref="I130:I132"/>
    <mergeCell ref="A126:E128"/>
    <mergeCell ref="A144:E148"/>
    <mergeCell ref="I105:I109"/>
    <mergeCell ref="I111:I118"/>
    <mergeCell ref="I158:I161"/>
    <mergeCell ref="I152:I156"/>
    <mergeCell ref="A125:D125"/>
    <mergeCell ref="A119:E121"/>
    <mergeCell ref="A136:E138"/>
    <mergeCell ref="F136:H138"/>
    <mergeCell ref="A133:E135"/>
    <mergeCell ref="I133:I135"/>
    <mergeCell ref="I126:I128"/>
    <mergeCell ref="I119:I121"/>
    <mergeCell ref="A152:E156"/>
    <mergeCell ref="F152:H156"/>
    <mergeCell ref="A73:F74"/>
    <mergeCell ref="I68:I72"/>
    <mergeCell ref="K130:O132"/>
    <mergeCell ref="I97:I100"/>
    <mergeCell ref="I75:I80"/>
    <mergeCell ref="I81:I83"/>
    <mergeCell ref="I88:I90"/>
    <mergeCell ref="F88:H90"/>
    <mergeCell ref="K67:S72"/>
    <mergeCell ref="A110:D110"/>
    <mergeCell ref="A104:D104"/>
    <mergeCell ref="F84:H86"/>
    <mergeCell ref="A84:E86"/>
    <mergeCell ref="A101:E103"/>
    <mergeCell ref="F91:H95"/>
    <mergeCell ref="A81:E83"/>
    <mergeCell ref="A96:D96"/>
    <mergeCell ref="F101:H103"/>
    <mergeCell ref="F81:H83"/>
    <mergeCell ref="A87:D87"/>
    <mergeCell ref="A75:E80"/>
    <mergeCell ref="I91:I95"/>
    <mergeCell ref="I101:I103"/>
    <mergeCell ref="I62:I64"/>
    <mergeCell ref="I65:I67"/>
    <mergeCell ref="F139:H141"/>
    <mergeCell ref="I207:I211"/>
    <mergeCell ref="I184:I186"/>
    <mergeCell ref="A179:E182"/>
    <mergeCell ref="F179:H182"/>
    <mergeCell ref="F194:H196"/>
    <mergeCell ref="F197:H199"/>
    <mergeCell ref="F169:H171"/>
    <mergeCell ref="F176:H178"/>
    <mergeCell ref="I166:I174"/>
    <mergeCell ref="F172:H174"/>
    <mergeCell ref="A176:E178"/>
    <mergeCell ref="A197:E199"/>
    <mergeCell ref="A149:E151"/>
    <mergeCell ref="F149:H151"/>
    <mergeCell ref="F97:H100"/>
    <mergeCell ref="F111:H118"/>
    <mergeCell ref="F126:H128"/>
    <mergeCell ref="I84:I86"/>
    <mergeCell ref="A97:E100"/>
    <mergeCell ref="A105:E109"/>
    <mergeCell ref="A111:E118"/>
    <mergeCell ref="I272:I275"/>
    <mergeCell ref="I221:I224"/>
    <mergeCell ref="F207:H211"/>
    <mergeCell ref="A183:D183"/>
    <mergeCell ref="A271:D271"/>
    <mergeCell ref="A213:E215"/>
    <mergeCell ref="A246:E251"/>
    <mergeCell ref="F246:H251"/>
    <mergeCell ref="I246:I251"/>
    <mergeCell ref="A232:E235"/>
    <mergeCell ref="F232:H235"/>
    <mergeCell ref="I232:I235"/>
    <mergeCell ref="I204:I206"/>
    <mergeCell ref="F272:H275"/>
    <mergeCell ref="A236:E242"/>
    <mergeCell ref="F236:H242"/>
    <mergeCell ref="I236:I242"/>
    <mergeCell ref="A252:E270"/>
    <mergeCell ref="I252:I270"/>
    <mergeCell ref="A225:E231"/>
    <mergeCell ref="A187:E190"/>
    <mergeCell ref="A191:E193"/>
    <mergeCell ref="I187:I190"/>
    <mergeCell ref="F264:H264"/>
    <mergeCell ref="A33:D33"/>
    <mergeCell ref="A51:D51"/>
    <mergeCell ref="F40:H43"/>
    <mergeCell ref="F44:H47"/>
    <mergeCell ref="A23:E27"/>
    <mergeCell ref="A30:E32"/>
    <mergeCell ref="A60:E60"/>
    <mergeCell ref="H60:H61"/>
    <mergeCell ref="F57:H59"/>
    <mergeCell ref="A61:G61"/>
    <mergeCell ref="I2:I4"/>
    <mergeCell ref="A1:D1"/>
    <mergeCell ref="A28:D28"/>
    <mergeCell ref="A29:D29"/>
    <mergeCell ref="F30:H32"/>
    <mergeCell ref="I30:I32"/>
    <mergeCell ref="F12:H16"/>
    <mergeCell ref="F17:H19"/>
    <mergeCell ref="F23:H27"/>
    <mergeCell ref="F7:H11"/>
    <mergeCell ref="F20:H22"/>
    <mergeCell ref="A2:E4"/>
    <mergeCell ref="F2:H4"/>
    <mergeCell ref="I7:I27"/>
    <mergeCell ref="A7:E11"/>
    <mergeCell ref="A12:E16"/>
    <mergeCell ref="A17:E19"/>
    <mergeCell ref="A20:E22"/>
    <mergeCell ref="I34:I47"/>
    <mergeCell ref="F48:H50"/>
    <mergeCell ref="A34:E39"/>
    <mergeCell ref="A40:E43"/>
    <mergeCell ref="A44:E47"/>
    <mergeCell ref="A48:E50"/>
    <mergeCell ref="F52:H56"/>
    <mergeCell ref="A52:E56"/>
    <mergeCell ref="A57:E59"/>
    <mergeCell ref="I48:I50"/>
    <mergeCell ref="I52:I59"/>
    <mergeCell ref="F34:H36"/>
    <mergeCell ref="F37:H39"/>
    <mergeCell ref="A62:E64"/>
    <mergeCell ref="A65:E67"/>
    <mergeCell ref="F163:H165"/>
    <mergeCell ref="F166:H168"/>
    <mergeCell ref="A158:E161"/>
    <mergeCell ref="A163:E165"/>
    <mergeCell ref="A142:E143"/>
    <mergeCell ref="A162:D162"/>
    <mergeCell ref="A175:D175"/>
    <mergeCell ref="F65:H67"/>
    <mergeCell ref="F75:H80"/>
    <mergeCell ref="A68:E72"/>
    <mergeCell ref="F68:H72"/>
    <mergeCell ref="F62:H64"/>
    <mergeCell ref="A88:E90"/>
    <mergeCell ref="A91:E95"/>
    <mergeCell ref="A129:D129"/>
    <mergeCell ref="F119:H121"/>
    <mergeCell ref="A166:E168"/>
    <mergeCell ref="A130:E132"/>
    <mergeCell ref="F130:H132"/>
    <mergeCell ref="F144:H148"/>
    <mergeCell ref="F158:H161"/>
    <mergeCell ref="F105:H109"/>
    <mergeCell ref="I303:I306"/>
    <mergeCell ref="F300:H302"/>
    <mergeCell ref="F303:H306"/>
    <mergeCell ref="A283:E297"/>
    <mergeCell ref="A300:E302"/>
    <mergeCell ref="A303:E306"/>
    <mergeCell ref="F283:H285"/>
    <mergeCell ref="F286:H288"/>
    <mergeCell ref="F289:H291"/>
    <mergeCell ref="F292:H294"/>
    <mergeCell ref="F295:H297"/>
    <mergeCell ref="I300:I302"/>
    <mergeCell ref="I283:I297"/>
    <mergeCell ref="F268:H270"/>
    <mergeCell ref="A243:E245"/>
    <mergeCell ref="F243:H245"/>
    <mergeCell ref="I243:I245"/>
    <mergeCell ref="F266:H267"/>
    <mergeCell ref="F257:H257"/>
    <mergeCell ref="F262:H262"/>
    <mergeCell ref="F256:H256"/>
    <mergeCell ref="I163:I165"/>
    <mergeCell ref="I197:I199"/>
    <mergeCell ref="I194:I196"/>
    <mergeCell ref="F191:H193"/>
    <mergeCell ref="A200:E202"/>
    <mergeCell ref="F200:H202"/>
    <mergeCell ref="I179:I182"/>
    <mergeCell ref="A221:E224"/>
    <mergeCell ref="F216:H218"/>
    <mergeCell ref="F204:H206"/>
    <mergeCell ref="F213:H215"/>
    <mergeCell ref="A172:E174"/>
    <mergeCell ref="I213:I218"/>
    <mergeCell ref="I191:I193"/>
    <mergeCell ref="A194:E196"/>
    <mergeCell ref="I176:I178"/>
  </mergeCells>
  <phoneticPr fontId="1"/>
  <pageMargins left="0.78740157480314965" right="0.70866141732283472" top="0.74803149606299213" bottom="0.74803149606299213" header="0.31496062992125984" footer="0.31496062992125984"/>
  <pageSetup paperSize="9" scale="91" orientation="portrait" r:id="rId1"/>
  <headerFooter>
    <oddFooter>&amp;P / &amp;N ページ</oddFooter>
  </headerFooter>
  <rowBreaks count="6" manualBreakCount="6">
    <brk id="47" max="8" man="1"/>
    <brk id="83" max="8" man="1"/>
    <brk id="138" max="8" man="1"/>
    <brk id="199" max="8" man="1"/>
    <brk id="242" max="8" man="1"/>
    <brk id="270"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5</xdr:col>
                    <xdr:colOff>161925</xdr:colOff>
                    <xdr:row>30</xdr:row>
                    <xdr:rowOff>0</xdr:rowOff>
                  </from>
                  <to>
                    <xdr:col>6</xdr:col>
                    <xdr:colOff>57150</xdr:colOff>
                    <xdr:row>31</xdr:row>
                    <xdr:rowOff>9525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6</xdr:col>
                    <xdr:colOff>523875</xdr:colOff>
                    <xdr:row>29</xdr:row>
                    <xdr:rowOff>171450</xdr:rowOff>
                  </from>
                  <to>
                    <xdr:col>7</xdr:col>
                    <xdr:colOff>381000</xdr:colOff>
                    <xdr:row>31</xdr:row>
                    <xdr:rowOff>104775</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5</xdr:col>
                    <xdr:colOff>161925</xdr:colOff>
                    <xdr:row>37</xdr:row>
                    <xdr:rowOff>0</xdr:rowOff>
                  </from>
                  <to>
                    <xdr:col>6</xdr:col>
                    <xdr:colOff>57150</xdr:colOff>
                    <xdr:row>38</xdr:row>
                    <xdr:rowOff>95250</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6</xdr:col>
                    <xdr:colOff>523875</xdr:colOff>
                    <xdr:row>33</xdr:row>
                    <xdr:rowOff>171450</xdr:rowOff>
                  </from>
                  <to>
                    <xdr:col>7</xdr:col>
                    <xdr:colOff>381000</xdr:colOff>
                    <xdr:row>35</xdr:row>
                    <xdr:rowOff>104775</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5</xdr:col>
                    <xdr:colOff>161925</xdr:colOff>
                    <xdr:row>40</xdr:row>
                    <xdr:rowOff>0</xdr:rowOff>
                  </from>
                  <to>
                    <xdr:col>6</xdr:col>
                    <xdr:colOff>57150</xdr:colOff>
                    <xdr:row>41</xdr:row>
                    <xdr:rowOff>95250</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6</xdr:col>
                    <xdr:colOff>523875</xdr:colOff>
                    <xdr:row>39</xdr:row>
                    <xdr:rowOff>171450</xdr:rowOff>
                  </from>
                  <to>
                    <xdr:col>7</xdr:col>
                    <xdr:colOff>381000</xdr:colOff>
                    <xdr:row>41</xdr:row>
                    <xdr:rowOff>104775</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5</xdr:col>
                    <xdr:colOff>161925</xdr:colOff>
                    <xdr:row>44</xdr:row>
                    <xdr:rowOff>0</xdr:rowOff>
                  </from>
                  <to>
                    <xdr:col>6</xdr:col>
                    <xdr:colOff>57150</xdr:colOff>
                    <xdr:row>45</xdr:row>
                    <xdr:rowOff>95250</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6</xdr:col>
                    <xdr:colOff>523875</xdr:colOff>
                    <xdr:row>43</xdr:row>
                    <xdr:rowOff>171450</xdr:rowOff>
                  </from>
                  <to>
                    <xdr:col>7</xdr:col>
                    <xdr:colOff>381000</xdr:colOff>
                    <xdr:row>45</xdr:row>
                    <xdr:rowOff>104775</xdr:rowOff>
                  </to>
                </anchor>
              </controlPr>
            </control>
          </mc:Choice>
        </mc:AlternateContent>
        <mc:AlternateContent xmlns:mc="http://schemas.openxmlformats.org/markup-compatibility/2006">
          <mc:Choice Requires="x14">
            <control shapeId="4109" r:id="rId12" name="Check Box 13">
              <controlPr defaultSize="0" autoFill="0" autoLine="0" autoPict="0">
                <anchor moveWithCells="1">
                  <from>
                    <xdr:col>5</xdr:col>
                    <xdr:colOff>161925</xdr:colOff>
                    <xdr:row>101</xdr:row>
                    <xdr:rowOff>0</xdr:rowOff>
                  </from>
                  <to>
                    <xdr:col>6</xdr:col>
                    <xdr:colOff>66675</xdr:colOff>
                    <xdr:row>102</xdr:row>
                    <xdr:rowOff>95250</xdr:rowOff>
                  </to>
                </anchor>
              </controlPr>
            </control>
          </mc:Choice>
        </mc:AlternateContent>
        <mc:AlternateContent xmlns:mc="http://schemas.openxmlformats.org/markup-compatibility/2006">
          <mc:Choice Requires="x14">
            <control shapeId="4110" r:id="rId13" name="Check Box 14">
              <controlPr defaultSize="0" autoFill="0" autoLine="0" autoPict="0">
                <anchor moveWithCells="1">
                  <from>
                    <xdr:col>6</xdr:col>
                    <xdr:colOff>523875</xdr:colOff>
                    <xdr:row>100</xdr:row>
                    <xdr:rowOff>171450</xdr:rowOff>
                  </from>
                  <to>
                    <xdr:col>7</xdr:col>
                    <xdr:colOff>381000</xdr:colOff>
                    <xdr:row>102</xdr:row>
                    <xdr:rowOff>95250</xdr:rowOff>
                  </to>
                </anchor>
              </controlPr>
            </control>
          </mc:Choice>
        </mc:AlternateContent>
        <mc:AlternateContent xmlns:mc="http://schemas.openxmlformats.org/markup-compatibility/2006">
          <mc:Choice Requires="x14">
            <control shapeId="4113" r:id="rId14" name="Check Box 17">
              <controlPr defaultSize="0" autoFill="0" autoLine="0" autoPict="0">
                <anchor moveWithCells="1">
                  <from>
                    <xdr:col>5</xdr:col>
                    <xdr:colOff>161925</xdr:colOff>
                    <xdr:row>106</xdr:row>
                    <xdr:rowOff>0</xdr:rowOff>
                  </from>
                  <to>
                    <xdr:col>6</xdr:col>
                    <xdr:colOff>66675</xdr:colOff>
                    <xdr:row>107</xdr:row>
                    <xdr:rowOff>95250</xdr:rowOff>
                  </to>
                </anchor>
              </controlPr>
            </control>
          </mc:Choice>
        </mc:AlternateContent>
        <mc:AlternateContent xmlns:mc="http://schemas.openxmlformats.org/markup-compatibility/2006">
          <mc:Choice Requires="x14">
            <control shapeId="4114" r:id="rId15" name="Check Box 18">
              <controlPr defaultSize="0" autoFill="0" autoLine="0" autoPict="0">
                <anchor moveWithCells="1">
                  <from>
                    <xdr:col>6</xdr:col>
                    <xdr:colOff>523875</xdr:colOff>
                    <xdr:row>105</xdr:row>
                    <xdr:rowOff>152400</xdr:rowOff>
                  </from>
                  <to>
                    <xdr:col>7</xdr:col>
                    <xdr:colOff>381000</xdr:colOff>
                    <xdr:row>107</xdr:row>
                    <xdr:rowOff>95250</xdr:rowOff>
                  </to>
                </anchor>
              </controlPr>
            </control>
          </mc:Choice>
        </mc:AlternateContent>
        <mc:AlternateContent xmlns:mc="http://schemas.openxmlformats.org/markup-compatibility/2006">
          <mc:Choice Requires="x14">
            <control shapeId="4115" r:id="rId16" name="Check Box 19">
              <controlPr defaultSize="0" autoFill="0" autoLine="0" autoPict="0">
                <anchor moveWithCells="1">
                  <from>
                    <xdr:col>5</xdr:col>
                    <xdr:colOff>161925</xdr:colOff>
                    <xdr:row>114</xdr:row>
                    <xdr:rowOff>9525</xdr:rowOff>
                  </from>
                  <to>
                    <xdr:col>6</xdr:col>
                    <xdr:colOff>57150</xdr:colOff>
                    <xdr:row>115</xdr:row>
                    <xdr:rowOff>95250</xdr:rowOff>
                  </to>
                </anchor>
              </controlPr>
            </control>
          </mc:Choice>
        </mc:AlternateContent>
        <mc:AlternateContent xmlns:mc="http://schemas.openxmlformats.org/markup-compatibility/2006">
          <mc:Choice Requires="x14">
            <control shapeId="4116" r:id="rId17" name="Check Box 20">
              <controlPr defaultSize="0" autoFill="0" autoLine="0" autoPict="0">
                <anchor moveWithCells="1">
                  <from>
                    <xdr:col>6</xdr:col>
                    <xdr:colOff>552450</xdr:colOff>
                    <xdr:row>113</xdr:row>
                    <xdr:rowOff>171450</xdr:rowOff>
                  </from>
                  <to>
                    <xdr:col>7</xdr:col>
                    <xdr:colOff>400050</xdr:colOff>
                    <xdr:row>115</xdr:row>
                    <xdr:rowOff>95250</xdr:rowOff>
                  </to>
                </anchor>
              </controlPr>
            </control>
          </mc:Choice>
        </mc:AlternateContent>
        <mc:AlternateContent xmlns:mc="http://schemas.openxmlformats.org/markup-compatibility/2006">
          <mc:Choice Requires="x14">
            <control shapeId="4117" r:id="rId18" name="Check Box 21">
              <controlPr defaultSize="0" autoFill="0" autoLine="0" autoPict="0">
                <anchor moveWithCells="1">
                  <from>
                    <xdr:col>5</xdr:col>
                    <xdr:colOff>161925</xdr:colOff>
                    <xdr:row>119</xdr:row>
                    <xdr:rowOff>0</xdr:rowOff>
                  </from>
                  <to>
                    <xdr:col>6</xdr:col>
                    <xdr:colOff>57150</xdr:colOff>
                    <xdr:row>120</xdr:row>
                    <xdr:rowOff>95250</xdr:rowOff>
                  </to>
                </anchor>
              </controlPr>
            </control>
          </mc:Choice>
        </mc:AlternateContent>
        <mc:AlternateContent xmlns:mc="http://schemas.openxmlformats.org/markup-compatibility/2006">
          <mc:Choice Requires="x14">
            <control shapeId="4118" r:id="rId19" name="Check Box 22">
              <controlPr defaultSize="0" autoFill="0" autoLine="0" autoPict="0">
                <anchor moveWithCells="1">
                  <from>
                    <xdr:col>6</xdr:col>
                    <xdr:colOff>533400</xdr:colOff>
                    <xdr:row>119</xdr:row>
                    <xdr:rowOff>0</xdr:rowOff>
                  </from>
                  <to>
                    <xdr:col>7</xdr:col>
                    <xdr:colOff>390525</xdr:colOff>
                    <xdr:row>120</xdr:row>
                    <xdr:rowOff>114300</xdr:rowOff>
                  </to>
                </anchor>
              </controlPr>
            </control>
          </mc:Choice>
        </mc:AlternateContent>
        <mc:AlternateContent xmlns:mc="http://schemas.openxmlformats.org/markup-compatibility/2006">
          <mc:Choice Requires="x14">
            <control shapeId="4123" r:id="rId20" name="Check Box 27">
              <controlPr defaultSize="0" autoFill="0" autoLine="0" autoPict="0">
                <anchor moveWithCells="1">
                  <from>
                    <xdr:col>5</xdr:col>
                    <xdr:colOff>171450</xdr:colOff>
                    <xdr:row>145</xdr:row>
                    <xdr:rowOff>0</xdr:rowOff>
                  </from>
                  <to>
                    <xdr:col>6</xdr:col>
                    <xdr:colOff>66675</xdr:colOff>
                    <xdr:row>146</xdr:row>
                    <xdr:rowOff>95250</xdr:rowOff>
                  </to>
                </anchor>
              </controlPr>
            </control>
          </mc:Choice>
        </mc:AlternateContent>
        <mc:AlternateContent xmlns:mc="http://schemas.openxmlformats.org/markup-compatibility/2006">
          <mc:Choice Requires="x14">
            <control shapeId="4124" r:id="rId21" name="Check Box 28">
              <controlPr defaultSize="0" autoFill="0" autoLine="0" autoPict="0">
                <anchor moveWithCells="1">
                  <from>
                    <xdr:col>6</xdr:col>
                    <xdr:colOff>523875</xdr:colOff>
                    <xdr:row>145</xdr:row>
                    <xdr:rowOff>0</xdr:rowOff>
                  </from>
                  <to>
                    <xdr:col>7</xdr:col>
                    <xdr:colOff>381000</xdr:colOff>
                    <xdr:row>146</xdr:row>
                    <xdr:rowOff>114300</xdr:rowOff>
                  </to>
                </anchor>
              </controlPr>
            </control>
          </mc:Choice>
        </mc:AlternateContent>
        <mc:AlternateContent xmlns:mc="http://schemas.openxmlformats.org/markup-compatibility/2006">
          <mc:Choice Requires="x14">
            <control shapeId="4125" r:id="rId22" name="Check Box 29">
              <controlPr defaultSize="0" autoFill="0" autoLine="0" autoPict="0">
                <anchor moveWithCells="1">
                  <from>
                    <xdr:col>5</xdr:col>
                    <xdr:colOff>161925</xdr:colOff>
                    <xdr:row>158</xdr:row>
                    <xdr:rowOff>0</xdr:rowOff>
                  </from>
                  <to>
                    <xdr:col>6</xdr:col>
                    <xdr:colOff>66675</xdr:colOff>
                    <xdr:row>159</xdr:row>
                    <xdr:rowOff>95250</xdr:rowOff>
                  </to>
                </anchor>
              </controlPr>
            </control>
          </mc:Choice>
        </mc:AlternateContent>
        <mc:AlternateContent xmlns:mc="http://schemas.openxmlformats.org/markup-compatibility/2006">
          <mc:Choice Requires="x14">
            <control shapeId="4126" r:id="rId23" name="Check Box 30">
              <controlPr defaultSize="0" autoFill="0" autoLine="0" autoPict="0">
                <anchor moveWithCells="1">
                  <from>
                    <xdr:col>6</xdr:col>
                    <xdr:colOff>523875</xdr:colOff>
                    <xdr:row>157</xdr:row>
                    <xdr:rowOff>171450</xdr:rowOff>
                  </from>
                  <to>
                    <xdr:col>7</xdr:col>
                    <xdr:colOff>381000</xdr:colOff>
                    <xdr:row>159</xdr:row>
                    <xdr:rowOff>114300</xdr:rowOff>
                  </to>
                </anchor>
              </controlPr>
            </control>
          </mc:Choice>
        </mc:AlternateContent>
        <mc:AlternateContent xmlns:mc="http://schemas.openxmlformats.org/markup-compatibility/2006">
          <mc:Choice Requires="x14">
            <control shapeId="4127" r:id="rId24" name="Check Box 31">
              <controlPr defaultSize="0" autoFill="0" autoLine="0" autoPict="0">
                <anchor moveWithCells="1">
                  <from>
                    <xdr:col>5</xdr:col>
                    <xdr:colOff>161925</xdr:colOff>
                    <xdr:row>163</xdr:row>
                    <xdr:rowOff>0</xdr:rowOff>
                  </from>
                  <to>
                    <xdr:col>6</xdr:col>
                    <xdr:colOff>66675</xdr:colOff>
                    <xdr:row>164</xdr:row>
                    <xdr:rowOff>95250</xdr:rowOff>
                  </to>
                </anchor>
              </controlPr>
            </control>
          </mc:Choice>
        </mc:AlternateContent>
        <mc:AlternateContent xmlns:mc="http://schemas.openxmlformats.org/markup-compatibility/2006">
          <mc:Choice Requires="x14">
            <control shapeId="4128" r:id="rId25" name="Check Box 32">
              <controlPr defaultSize="0" autoFill="0" autoLine="0" autoPict="0">
                <anchor moveWithCells="1">
                  <from>
                    <xdr:col>6</xdr:col>
                    <xdr:colOff>523875</xdr:colOff>
                    <xdr:row>162</xdr:row>
                    <xdr:rowOff>171450</xdr:rowOff>
                  </from>
                  <to>
                    <xdr:col>7</xdr:col>
                    <xdr:colOff>381000</xdr:colOff>
                    <xdr:row>164</xdr:row>
                    <xdr:rowOff>95250</xdr:rowOff>
                  </to>
                </anchor>
              </controlPr>
            </control>
          </mc:Choice>
        </mc:AlternateContent>
        <mc:AlternateContent xmlns:mc="http://schemas.openxmlformats.org/markup-compatibility/2006">
          <mc:Choice Requires="x14">
            <control shapeId="4129" r:id="rId26" name="Check Box 33">
              <controlPr defaultSize="0" autoFill="0" autoLine="0" autoPict="0">
                <anchor moveWithCells="1">
                  <from>
                    <xdr:col>5</xdr:col>
                    <xdr:colOff>161925</xdr:colOff>
                    <xdr:row>166</xdr:row>
                    <xdr:rowOff>0</xdr:rowOff>
                  </from>
                  <to>
                    <xdr:col>6</xdr:col>
                    <xdr:colOff>66675</xdr:colOff>
                    <xdr:row>167</xdr:row>
                    <xdr:rowOff>95250</xdr:rowOff>
                  </to>
                </anchor>
              </controlPr>
            </control>
          </mc:Choice>
        </mc:AlternateContent>
        <mc:AlternateContent xmlns:mc="http://schemas.openxmlformats.org/markup-compatibility/2006">
          <mc:Choice Requires="x14">
            <control shapeId="4130" r:id="rId27" name="Check Box 34">
              <controlPr defaultSize="0" autoFill="0" autoLine="0" autoPict="0">
                <anchor moveWithCells="1">
                  <from>
                    <xdr:col>6</xdr:col>
                    <xdr:colOff>523875</xdr:colOff>
                    <xdr:row>165</xdr:row>
                    <xdr:rowOff>171450</xdr:rowOff>
                  </from>
                  <to>
                    <xdr:col>7</xdr:col>
                    <xdr:colOff>381000</xdr:colOff>
                    <xdr:row>167</xdr:row>
                    <xdr:rowOff>95250</xdr:rowOff>
                  </to>
                </anchor>
              </controlPr>
            </control>
          </mc:Choice>
        </mc:AlternateContent>
        <mc:AlternateContent xmlns:mc="http://schemas.openxmlformats.org/markup-compatibility/2006">
          <mc:Choice Requires="x14">
            <control shapeId="4131" r:id="rId28" name="Check Box 35">
              <controlPr defaultSize="0" autoFill="0" autoLine="0" autoPict="0">
                <anchor moveWithCells="1">
                  <from>
                    <xdr:col>5</xdr:col>
                    <xdr:colOff>161925</xdr:colOff>
                    <xdr:row>169</xdr:row>
                    <xdr:rowOff>0</xdr:rowOff>
                  </from>
                  <to>
                    <xdr:col>6</xdr:col>
                    <xdr:colOff>66675</xdr:colOff>
                    <xdr:row>170</xdr:row>
                    <xdr:rowOff>95250</xdr:rowOff>
                  </to>
                </anchor>
              </controlPr>
            </control>
          </mc:Choice>
        </mc:AlternateContent>
        <mc:AlternateContent xmlns:mc="http://schemas.openxmlformats.org/markup-compatibility/2006">
          <mc:Choice Requires="x14">
            <control shapeId="4132" r:id="rId29" name="Check Box 36">
              <controlPr defaultSize="0" autoFill="0" autoLine="0" autoPict="0">
                <anchor moveWithCells="1">
                  <from>
                    <xdr:col>6</xdr:col>
                    <xdr:colOff>523875</xdr:colOff>
                    <xdr:row>168</xdr:row>
                    <xdr:rowOff>171450</xdr:rowOff>
                  </from>
                  <to>
                    <xdr:col>7</xdr:col>
                    <xdr:colOff>381000</xdr:colOff>
                    <xdr:row>170</xdr:row>
                    <xdr:rowOff>95250</xdr:rowOff>
                  </to>
                </anchor>
              </controlPr>
            </control>
          </mc:Choice>
        </mc:AlternateContent>
        <mc:AlternateContent xmlns:mc="http://schemas.openxmlformats.org/markup-compatibility/2006">
          <mc:Choice Requires="x14">
            <control shapeId="4133" r:id="rId30" name="Check Box 37">
              <controlPr defaultSize="0" autoFill="0" autoLine="0" autoPict="0">
                <anchor moveWithCells="1">
                  <from>
                    <xdr:col>5</xdr:col>
                    <xdr:colOff>161925</xdr:colOff>
                    <xdr:row>176</xdr:row>
                    <xdr:rowOff>0</xdr:rowOff>
                  </from>
                  <to>
                    <xdr:col>6</xdr:col>
                    <xdr:colOff>57150</xdr:colOff>
                    <xdr:row>177</xdr:row>
                    <xdr:rowOff>95250</xdr:rowOff>
                  </to>
                </anchor>
              </controlPr>
            </control>
          </mc:Choice>
        </mc:AlternateContent>
        <mc:AlternateContent xmlns:mc="http://schemas.openxmlformats.org/markup-compatibility/2006">
          <mc:Choice Requires="x14">
            <control shapeId="4134" r:id="rId31" name="Check Box 38">
              <controlPr defaultSize="0" autoFill="0" autoLine="0" autoPict="0">
                <anchor moveWithCells="1">
                  <from>
                    <xdr:col>6</xdr:col>
                    <xdr:colOff>523875</xdr:colOff>
                    <xdr:row>175</xdr:row>
                    <xdr:rowOff>171450</xdr:rowOff>
                  </from>
                  <to>
                    <xdr:col>7</xdr:col>
                    <xdr:colOff>381000</xdr:colOff>
                    <xdr:row>177</xdr:row>
                    <xdr:rowOff>95250</xdr:rowOff>
                  </to>
                </anchor>
              </controlPr>
            </control>
          </mc:Choice>
        </mc:AlternateContent>
        <mc:AlternateContent xmlns:mc="http://schemas.openxmlformats.org/markup-compatibility/2006">
          <mc:Choice Requires="x14">
            <control shapeId="4137" r:id="rId32" name="Check Box 41">
              <controlPr defaultSize="0" autoFill="0" autoLine="0" autoPict="0">
                <anchor moveWithCells="1">
                  <from>
                    <xdr:col>5</xdr:col>
                    <xdr:colOff>161925</xdr:colOff>
                    <xdr:row>191</xdr:row>
                    <xdr:rowOff>0</xdr:rowOff>
                  </from>
                  <to>
                    <xdr:col>6</xdr:col>
                    <xdr:colOff>57150</xdr:colOff>
                    <xdr:row>192</xdr:row>
                    <xdr:rowOff>95250</xdr:rowOff>
                  </to>
                </anchor>
              </controlPr>
            </control>
          </mc:Choice>
        </mc:AlternateContent>
        <mc:AlternateContent xmlns:mc="http://schemas.openxmlformats.org/markup-compatibility/2006">
          <mc:Choice Requires="x14">
            <control shapeId="4138" r:id="rId33" name="Check Box 42">
              <controlPr defaultSize="0" autoFill="0" autoLine="0" autoPict="0">
                <anchor moveWithCells="1">
                  <from>
                    <xdr:col>6</xdr:col>
                    <xdr:colOff>523875</xdr:colOff>
                    <xdr:row>190</xdr:row>
                    <xdr:rowOff>171450</xdr:rowOff>
                  </from>
                  <to>
                    <xdr:col>7</xdr:col>
                    <xdr:colOff>381000</xdr:colOff>
                    <xdr:row>192</xdr:row>
                    <xdr:rowOff>104775</xdr:rowOff>
                  </to>
                </anchor>
              </controlPr>
            </control>
          </mc:Choice>
        </mc:AlternateContent>
        <mc:AlternateContent xmlns:mc="http://schemas.openxmlformats.org/markup-compatibility/2006">
          <mc:Choice Requires="x14">
            <control shapeId="4139" r:id="rId34" name="Check Box 43">
              <controlPr defaultSize="0" autoFill="0" autoLine="0" autoPict="0">
                <anchor moveWithCells="1">
                  <from>
                    <xdr:col>5</xdr:col>
                    <xdr:colOff>161925</xdr:colOff>
                    <xdr:row>187</xdr:row>
                    <xdr:rowOff>0</xdr:rowOff>
                  </from>
                  <to>
                    <xdr:col>6</xdr:col>
                    <xdr:colOff>57150</xdr:colOff>
                    <xdr:row>188</xdr:row>
                    <xdr:rowOff>95250</xdr:rowOff>
                  </to>
                </anchor>
              </controlPr>
            </control>
          </mc:Choice>
        </mc:AlternateContent>
        <mc:AlternateContent xmlns:mc="http://schemas.openxmlformats.org/markup-compatibility/2006">
          <mc:Choice Requires="x14">
            <control shapeId="4140" r:id="rId35" name="Check Box 44">
              <controlPr defaultSize="0" autoFill="0" autoLine="0" autoPict="0">
                <anchor moveWithCells="1">
                  <from>
                    <xdr:col>6</xdr:col>
                    <xdr:colOff>523875</xdr:colOff>
                    <xdr:row>186</xdr:row>
                    <xdr:rowOff>171450</xdr:rowOff>
                  </from>
                  <to>
                    <xdr:col>7</xdr:col>
                    <xdr:colOff>381000</xdr:colOff>
                    <xdr:row>188</xdr:row>
                    <xdr:rowOff>104775</xdr:rowOff>
                  </to>
                </anchor>
              </controlPr>
            </control>
          </mc:Choice>
        </mc:AlternateContent>
        <mc:AlternateContent xmlns:mc="http://schemas.openxmlformats.org/markup-compatibility/2006">
          <mc:Choice Requires="x14">
            <control shapeId="4141" r:id="rId36" name="Check Box 45">
              <controlPr defaultSize="0" autoFill="0" autoLine="0" autoPict="0">
                <anchor moveWithCells="1">
                  <from>
                    <xdr:col>5</xdr:col>
                    <xdr:colOff>161925</xdr:colOff>
                    <xdr:row>194</xdr:row>
                    <xdr:rowOff>0</xdr:rowOff>
                  </from>
                  <to>
                    <xdr:col>6</xdr:col>
                    <xdr:colOff>57150</xdr:colOff>
                    <xdr:row>195</xdr:row>
                    <xdr:rowOff>95250</xdr:rowOff>
                  </to>
                </anchor>
              </controlPr>
            </control>
          </mc:Choice>
        </mc:AlternateContent>
        <mc:AlternateContent xmlns:mc="http://schemas.openxmlformats.org/markup-compatibility/2006">
          <mc:Choice Requires="x14">
            <control shapeId="4142" r:id="rId37" name="Check Box 46">
              <controlPr defaultSize="0" autoFill="0" autoLine="0" autoPict="0">
                <anchor moveWithCells="1">
                  <from>
                    <xdr:col>6</xdr:col>
                    <xdr:colOff>523875</xdr:colOff>
                    <xdr:row>193</xdr:row>
                    <xdr:rowOff>171450</xdr:rowOff>
                  </from>
                  <to>
                    <xdr:col>7</xdr:col>
                    <xdr:colOff>381000</xdr:colOff>
                    <xdr:row>195</xdr:row>
                    <xdr:rowOff>104775</xdr:rowOff>
                  </to>
                </anchor>
              </controlPr>
            </control>
          </mc:Choice>
        </mc:AlternateContent>
        <mc:AlternateContent xmlns:mc="http://schemas.openxmlformats.org/markup-compatibility/2006">
          <mc:Choice Requires="x14">
            <control shapeId="4143" r:id="rId38" name="Check Box 47">
              <controlPr defaultSize="0" autoFill="0" autoLine="0" autoPict="0">
                <anchor moveWithCells="1">
                  <from>
                    <xdr:col>5</xdr:col>
                    <xdr:colOff>161925</xdr:colOff>
                    <xdr:row>197</xdr:row>
                    <xdr:rowOff>0</xdr:rowOff>
                  </from>
                  <to>
                    <xdr:col>6</xdr:col>
                    <xdr:colOff>57150</xdr:colOff>
                    <xdr:row>198</xdr:row>
                    <xdr:rowOff>95250</xdr:rowOff>
                  </to>
                </anchor>
              </controlPr>
            </control>
          </mc:Choice>
        </mc:AlternateContent>
        <mc:AlternateContent xmlns:mc="http://schemas.openxmlformats.org/markup-compatibility/2006">
          <mc:Choice Requires="x14">
            <control shapeId="4144" r:id="rId39" name="Check Box 48">
              <controlPr defaultSize="0" autoFill="0" autoLine="0" autoPict="0">
                <anchor moveWithCells="1">
                  <from>
                    <xdr:col>6</xdr:col>
                    <xdr:colOff>523875</xdr:colOff>
                    <xdr:row>196</xdr:row>
                    <xdr:rowOff>171450</xdr:rowOff>
                  </from>
                  <to>
                    <xdr:col>7</xdr:col>
                    <xdr:colOff>381000</xdr:colOff>
                    <xdr:row>198</xdr:row>
                    <xdr:rowOff>104775</xdr:rowOff>
                  </to>
                </anchor>
              </controlPr>
            </control>
          </mc:Choice>
        </mc:AlternateContent>
        <mc:AlternateContent xmlns:mc="http://schemas.openxmlformats.org/markup-compatibility/2006">
          <mc:Choice Requires="x14">
            <control shapeId="4147" r:id="rId40" name="Check Box 51">
              <controlPr defaultSize="0" autoFill="0" autoLine="0" autoPict="0">
                <anchor moveWithCells="1">
                  <from>
                    <xdr:col>5</xdr:col>
                    <xdr:colOff>161925</xdr:colOff>
                    <xdr:row>221</xdr:row>
                    <xdr:rowOff>0</xdr:rowOff>
                  </from>
                  <to>
                    <xdr:col>6</xdr:col>
                    <xdr:colOff>57150</xdr:colOff>
                    <xdr:row>222</xdr:row>
                    <xdr:rowOff>95250</xdr:rowOff>
                  </to>
                </anchor>
              </controlPr>
            </control>
          </mc:Choice>
        </mc:AlternateContent>
        <mc:AlternateContent xmlns:mc="http://schemas.openxmlformats.org/markup-compatibility/2006">
          <mc:Choice Requires="x14">
            <control shapeId="4148" r:id="rId41" name="Check Box 52">
              <controlPr defaultSize="0" autoFill="0" autoLine="0" autoPict="0">
                <anchor moveWithCells="1">
                  <from>
                    <xdr:col>6</xdr:col>
                    <xdr:colOff>523875</xdr:colOff>
                    <xdr:row>220</xdr:row>
                    <xdr:rowOff>171450</xdr:rowOff>
                  </from>
                  <to>
                    <xdr:col>7</xdr:col>
                    <xdr:colOff>381000</xdr:colOff>
                    <xdr:row>222</xdr:row>
                    <xdr:rowOff>95250</xdr:rowOff>
                  </to>
                </anchor>
              </controlPr>
            </control>
          </mc:Choice>
        </mc:AlternateContent>
        <mc:AlternateContent xmlns:mc="http://schemas.openxmlformats.org/markup-compatibility/2006">
          <mc:Choice Requires="x14">
            <control shapeId="4149" r:id="rId42" name="Check Box 53">
              <controlPr defaultSize="0" autoFill="0" autoLine="0" autoPict="0">
                <anchor moveWithCells="1">
                  <from>
                    <xdr:col>5</xdr:col>
                    <xdr:colOff>161925</xdr:colOff>
                    <xdr:row>226</xdr:row>
                    <xdr:rowOff>133350</xdr:rowOff>
                  </from>
                  <to>
                    <xdr:col>6</xdr:col>
                    <xdr:colOff>57150</xdr:colOff>
                    <xdr:row>228</xdr:row>
                    <xdr:rowOff>57150</xdr:rowOff>
                  </to>
                </anchor>
              </controlPr>
            </control>
          </mc:Choice>
        </mc:AlternateContent>
        <mc:AlternateContent xmlns:mc="http://schemas.openxmlformats.org/markup-compatibility/2006">
          <mc:Choice Requires="x14">
            <control shapeId="4150" r:id="rId43" name="Check Box 54">
              <controlPr defaultSize="0" autoFill="0" autoLine="0" autoPict="0">
                <anchor moveWithCells="1">
                  <from>
                    <xdr:col>6</xdr:col>
                    <xdr:colOff>514350</xdr:colOff>
                    <xdr:row>226</xdr:row>
                    <xdr:rowOff>133350</xdr:rowOff>
                  </from>
                  <to>
                    <xdr:col>7</xdr:col>
                    <xdr:colOff>361950</xdr:colOff>
                    <xdr:row>228</xdr:row>
                    <xdr:rowOff>57150</xdr:rowOff>
                  </to>
                </anchor>
              </controlPr>
            </control>
          </mc:Choice>
        </mc:AlternateContent>
        <mc:AlternateContent xmlns:mc="http://schemas.openxmlformats.org/markup-compatibility/2006">
          <mc:Choice Requires="x14">
            <control shapeId="4151" r:id="rId44" name="Check Box 55">
              <controlPr defaultSize="0" autoFill="0" autoLine="0" autoPict="0">
                <anchor moveWithCells="1">
                  <from>
                    <xdr:col>5</xdr:col>
                    <xdr:colOff>161925</xdr:colOff>
                    <xdr:row>272</xdr:row>
                    <xdr:rowOff>0</xdr:rowOff>
                  </from>
                  <to>
                    <xdr:col>6</xdr:col>
                    <xdr:colOff>57150</xdr:colOff>
                    <xdr:row>273</xdr:row>
                    <xdr:rowOff>95250</xdr:rowOff>
                  </to>
                </anchor>
              </controlPr>
            </control>
          </mc:Choice>
        </mc:AlternateContent>
        <mc:AlternateContent xmlns:mc="http://schemas.openxmlformats.org/markup-compatibility/2006">
          <mc:Choice Requires="x14">
            <control shapeId="4152" r:id="rId45" name="Check Box 56">
              <controlPr defaultSize="0" autoFill="0" autoLine="0" autoPict="0">
                <anchor moveWithCells="1">
                  <from>
                    <xdr:col>6</xdr:col>
                    <xdr:colOff>523875</xdr:colOff>
                    <xdr:row>271</xdr:row>
                    <xdr:rowOff>171450</xdr:rowOff>
                  </from>
                  <to>
                    <xdr:col>7</xdr:col>
                    <xdr:colOff>381000</xdr:colOff>
                    <xdr:row>273</xdr:row>
                    <xdr:rowOff>104775</xdr:rowOff>
                  </to>
                </anchor>
              </controlPr>
            </control>
          </mc:Choice>
        </mc:AlternateContent>
        <mc:AlternateContent xmlns:mc="http://schemas.openxmlformats.org/markup-compatibility/2006">
          <mc:Choice Requires="x14">
            <control shapeId="4153" r:id="rId46" name="Check Box 57">
              <controlPr defaultSize="0" autoFill="0" autoLine="0" autoPict="0">
                <anchor moveWithCells="1">
                  <from>
                    <xdr:col>5</xdr:col>
                    <xdr:colOff>171450</xdr:colOff>
                    <xdr:row>276</xdr:row>
                    <xdr:rowOff>152400</xdr:rowOff>
                  </from>
                  <to>
                    <xdr:col>6</xdr:col>
                    <xdr:colOff>66675</xdr:colOff>
                    <xdr:row>278</xdr:row>
                    <xdr:rowOff>76200</xdr:rowOff>
                  </to>
                </anchor>
              </controlPr>
            </control>
          </mc:Choice>
        </mc:AlternateContent>
        <mc:AlternateContent xmlns:mc="http://schemas.openxmlformats.org/markup-compatibility/2006">
          <mc:Choice Requires="x14">
            <control shapeId="4154" r:id="rId47" name="Check Box 58">
              <controlPr defaultSize="0" autoFill="0" autoLine="0" autoPict="0">
                <anchor moveWithCells="1">
                  <from>
                    <xdr:col>6</xdr:col>
                    <xdr:colOff>552450</xdr:colOff>
                    <xdr:row>276</xdr:row>
                    <xdr:rowOff>133350</xdr:rowOff>
                  </from>
                  <to>
                    <xdr:col>7</xdr:col>
                    <xdr:colOff>400050</xdr:colOff>
                    <xdr:row>278</xdr:row>
                    <xdr:rowOff>76200</xdr:rowOff>
                  </to>
                </anchor>
              </controlPr>
            </control>
          </mc:Choice>
        </mc:AlternateContent>
        <mc:AlternateContent xmlns:mc="http://schemas.openxmlformats.org/markup-compatibility/2006">
          <mc:Choice Requires="x14">
            <control shapeId="4155" r:id="rId48" name="Check Box 59">
              <controlPr defaultSize="0" autoFill="0" autoLine="0" autoPict="0">
                <anchor moveWithCells="1">
                  <from>
                    <xdr:col>5</xdr:col>
                    <xdr:colOff>161925</xdr:colOff>
                    <xdr:row>34</xdr:row>
                    <xdr:rowOff>0</xdr:rowOff>
                  </from>
                  <to>
                    <xdr:col>6</xdr:col>
                    <xdr:colOff>57150</xdr:colOff>
                    <xdr:row>35</xdr:row>
                    <xdr:rowOff>95250</xdr:rowOff>
                  </to>
                </anchor>
              </controlPr>
            </control>
          </mc:Choice>
        </mc:AlternateContent>
        <mc:AlternateContent xmlns:mc="http://schemas.openxmlformats.org/markup-compatibility/2006">
          <mc:Choice Requires="x14">
            <control shapeId="4156" r:id="rId49" name="Check Box 60">
              <controlPr defaultSize="0" autoFill="0" autoLine="0" autoPict="0">
                <anchor moveWithCells="1">
                  <from>
                    <xdr:col>6</xdr:col>
                    <xdr:colOff>523875</xdr:colOff>
                    <xdr:row>33</xdr:row>
                    <xdr:rowOff>171450</xdr:rowOff>
                  </from>
                  <to>
                    <xdr:col>7</xdr:col>
                    <xdr:colOff>381000</xdr:colOff>
                    <xdr:row>35</xdr:row>
                    <xdr:rowOff>104775</xdr:rowOff>
                  </to>
                </anchor>
              </controlPr>
            </control>
          </mc:Choice>
        </mc:AlternateContent>
        <mc:AlternateContent xmlns:mc="http://schemas.openxmlformats.org/markup-compatibility/2006">
          <mc:Choice Requires="x14">
            <control shapeId="4157" r:id="rId50" name="Check Box 61">
              <controlPr defaultSize="0" autoFill="0" autoLine="0" autoPict="0">
                <anchor moveWithCells="1">
                  <from>
                    <xdr:col>6</xdr:col>
                    <xdr:colOff>523875</xdr:colOff>
                    <xdr:row>36</xdr:row>
                    <xdr:rowOff>171450</xdr:rowOff>
                  </from>
                  <to>
                    <xdr:col>7</xdr:col>
                    <xdr:colOff>381000</xdr:colOff>
                    <xdr:row>38</xdr:row>
                    <xdr:rowOff>104775</xdr:rowOff>
                  </to>
                </anchor>
              </controlPr>
            </control>
          </mc:Choice>
        </mc:AlternateContent>
        <mc:AlternateContent xmlns:mc="http://schemas.openxmlformats.org/markup-compatibility/2006">
          <mc:Choice Requires="x14">
            <control shapeId="4158" r:id="rId51" name="Check Box 62">
              <controlPr defaultSize="0" autoFill="0" autoLine="0" autoPict="0">
                <anchor moveWithCells="1">
                  <from>
                    <xdr:col>5</xdr:col>
                    <xdr:colOff>161925</xdr:colOff>
                    <xdr:row>37</xdr:row>
                    <xdr:rowOff>0</xdr:rowOff>
                  </from>
                  <to>
                    <xdr:col>6</xdr:col>
                    <xdr:colOff>57150</xdr:colOff>
                    <xdr:row>38</xdr:row>
                    <xdr:rowOff>95250</xdr:rowOff>
                  </to>
                </anchor>
              </controlPr>
            </control>
          </mc:Choice>
        </mc:AlternateContent>
        <mc:AlternateContent xmlns:mc="http://schemas.openxmlformats.org/markup-compatibility/2006">
          <mc:Choice Requires="x14">
            <control shapeId="4159" r:id="rId52" name="Check Box 63">
              <controlPr defaultSize="0" autoFill="0" autoLine="0" autoPict="0">
                <anchor moveWithCells="1">
                  <from>
                    <xdr:col>6</xdr:col>
                    <xdr:colOff>523875</xdr:colOff>
                    <xdr:row>36</xdr:row>
                    <xdr:rowOff>171450</xdr:rowOff>
                  </from>
                  <to>
                    <xdr:col>7</xdr:col>
                    <xdr:colOff>381000</xdr:colOff>
                    <xdr:row>38</xdr:row>
                    <xdr:rowOff>104775</xdr:rowOff>
                  </to>
                </anchor>
              </controlPr>
            </control>
          </mc:Choice>
        </mc:AlternateContent>
        <mc:AlternateContent xmlns:mc="http://schemas.openxmlformats.org/markup-compatibility/2006">
          <mc:Choice Requires="x14">
            <control shapeId="4160" r:id="rId53" name="Check Box 64">
              <controlPr defaultSize="0" autoFill="0" autoLine="0" autoPict="0">
                <anchor moveWithCells="1">
                  <from>
                    <xdr:col>5</xdr:col>
                    <xdr:colOff>161925</xdr:colOff>
                    <xdr:row>62</xdr:row>
                    <xdr:rowOff>0</xdr:rowOff>
                  </from>
                  <to>
                    <xdr:col>6</xdr:col>
                    <xdr:colOff>57150</xdr:colOff>
                    <xdr:row>63</xdr:row>
                    <xdr:rowOff>95250</xdr:rowOff>
                  </to>
                </anchor>
              </controlPr>
            </control>
          </mc:Choice>
        </mc:AlternateContent>
        <mc:AlternateContent xmlns:mc="http://schemas.openxmlformats.org/markup-compatibility/2006">
          <mc:Choice Requires="x14">
            <control shapeId="4161" r:id="rId54" name="Check Box 65">
              <controlPr defaultSize="0" autoFill="0" autoLine="0" autoPict="0">
                <anchor moveWithCells="1">
                  <from>
                    <xdr:col>6</xdr:col>
                    <xdr:colOff>523875</xdr:colOff>
                    <xdr:row>61</xdr:row>
                    <xdr:rowOff>171450</xdr:rowOff>
                  </from>
                  <to>
                    <xdr:col>7</xdr:col>
                    <xdr:colOff>381000</xdr:colOff>
                    <xdr:row>63</xdr:row>
                    <xdr:rowOff>95250</xdr:rowOff>
                  </to>
                </anchor>
              </controlPr>
            </control>
          </mc:Choice>
        </mc:AlternateContent>
        <mc:AlternateContent xmlns:mc="http://schemas.openxmlformats.org/markup-compatibility/2006">
          <mc:Choice Requires="x14">
            <control shapeId="4162" r:id="rId55" name="Check Box 66">
              <controlPr defaultSize="0" autoFill="0" autoLine="0" autoPict="0">
                <anchor moveWithCells="1">
                  <from>
                    <xdr:col>5</xdr:col>
                    <xdr:colOff>161925</xdr:colOff>
                    <xdr:row>65</xdr:row>
                    <xdr:rowOff>0</xdr:rowOff>
                  </from>
                  <to>
                    <xdr:col>6</xdr:col>
                    <xdr:colOff>57150</xdr:colOff>
                    <xdr:row>66</xdr:row>
                    <xdr:rowOff>95250</xdr:rowOff>
                  </to>
                </anchor>
              </controlPr>
            </control>
          </mc:Choice>
        </mc:AlternateContent>
        <mc:AlternateContent xmlns:mc="http://schemas.openxmlformats.org/markup-compatibility/2006">
          <mc:Choice Requires="x14">
            <control shapeId="4163" r:id="rId56" name="Check Box 67">
              <controlPr defaultSize="0" autoFill="0" autoLine="0" autoPict="0">
                <anchor moveWithCells="1">
                  <from>
                    <xdr:col>6</xdr:col>
                    <xdr:colOff>523875</xdr:colOff>
                    <xdr:row>64</xdr:row>
                    <xdr:rowOff>171450</xdr:rowOff>
                  </from>
                  <to>
                    <xdr:col>7</xdr:col>
                    <xdr:colOff>381000</xdr:colOff>
                    <xdr:row>66</xdr:row>
                    <xdr:rowOff>95250</xdr:rowOff>
                  </to>
                </anchor>
              </controlPr>
            </control>
          </mc:Choice>
        </mc:AlternateContent>
        <mc:AlternateContent xmlns:mc="http://schemas.openxmlformats.org/markup-compatibility/2006">
          <mc:Choice Requires="x14">
            <control shapeId="4166" r:id="rId57" name="Check Box 70">
              <controlPr defaultSize="0" autoFill="0" autoLine="0" autoPict="0">
                <anchor moveWithCells="1">
                  <from>
                    <xdr:col>5</xdr:col>
                    <xdr:colOff>161925</xdr:colOff>
                    <xdr:row>76</xdr:row>
                    <xdr:rowOff>38100</xdr:rowOff>
                  </from>
                  <to>
                    <xdr:col>6</xdr:col>
                    <xdr:colOff>57150</xdr:colOff>
                    <xdr:row>77</xdr:row>
                    <xdr:rowOff>133350</xdr:rowOff>
                  </to>
                </anchor>
              </controlPr>
            </control>
          </mc:Choice>
        </mc:AlternateContent>
        <mc:AlternateContent xmlns:mc="http://schemas.openxmlformats.org/markup-compatibility/2006">
          <mc:Choice Requires="x14">
            <control shapeId="4167" r:id="rId58" name="Check Box 71">
              <controlPr defaultSize="0" autoFill="0" autoLine="0" autoPict="0">
                <anchor moveWithCells="1">
                  <from>
                    <xdr:col>6</xdr:col>
                    <xdr:colOff>523875</xdr:colOff>
                    <xdr:row>76</xdr:row>
                    <xdr:rowOff>28575</xdr:rowOff>
                  </from>
                  <to>
                    <xdr:col>7</xdr:col>
                    <xdr:colOff>381000</xdr:colOff>
                    <xdr:row>77</xdr:row>
                    <xdr:rowOff>142875</xdr:rowOff>
                  </to>
                </anchor>
              </controlPr>
            </control>
          </mc:Choice>
        </mc:AlternateContent>
        <mc:AlternateContent xmlns:mc="http://schemas.openxmlformats.org/markup-compatibility/2006">
          <mc:Choice Requires="x14">
            <control shapeId="4168" r:id="rId59" name="Check Box 72">
              <controlPr defaultSize="0" autoFill="0" autoLine="0" autoPict="0">
                <anchor moveWithCells="1">
                  <from>
                    <xdr:col>5</xdr:col>
                    <xdr:colOff>161925</xdr:colOff>
                    <xdr:row>81</xdr:row>
                    <xdr:rowOff>0</xdr:rowOff>
                  </from>
                  <to>
                    <xdr:col>6</xdr:col>
                    <xdr:colOff>57150</xdr:colOff>
                    <xdr:row>82</xdr:row>
                    <xdr:rowOff>95250</xdr:rowOff>
                  </to>
                </anchor>
              </controlPr>
            </control>
          </mc:Choice>
        </mc:AlternateContent>
        <mc:AlternateContent xmlns:mc="http://schemas.openxmlformats.org/markup-compatibility/2006">
          <mc:Choice Requires="x14">
            <control shapeId="4169" r:id="rId60" name="Check Box 73">
              <controlPr defaultSize="0" autoFill="0" autoLine="0" autoPict="0">
                <anchor moveWithCells="1">
                  <from>
                    <xdr:col>6</xdr:col>
                    <xdr:colOff>523875</xdr:colOff>
                    <xdr:row>80</xdr:row>
                    <xdr:rowOff>171450</xdr:rowOff>
                  </from>
                  <to>
                    <xdr:col>7</xdr:col>
                    <xdr:colOff>381000</xdr:colOff>
                    <xdr:row>82</xdr:row>
                    <xdr:rowOff>104775</xdr:rowOff>
                  </to>
                </anchor>
              </controlPr>
            </control>
          </mc:Choice>
        </mc:AlternateContent>
        <mc:AlternateContent xmlns:mc="http://schemas.openxmlformats.org/markup-compatibility/2006">
          <mc:Choice Requires="x14">
            <control shapeId="4170" r:id="rId61" name="Check Box 74">
              <controlPr defaultSize="0" autoFill="0" autoLine="0" autoPict="0">
                <anchor moveWithCells="1">
                  <from>
                    <xdr:col>5</xdr:col>
                    <xdr:colOff>161925</xdr:colOff>
                    <xdr:row>88</xdr:row>
                    <xdr:rowOff>0</xdr:rowOff>
                  </from>
                  <to>
                    <xdr:col>6</xdr:col>
                    <xdr:colOff>66675</xdr:colOff>
                    <xdr:row>89</xdr:row>
                    <xdr:rowOff>95250</xdr:rowOff>
                  </to>
                </anchor>
              </controlPr>
            </control>
          </mc:Choice>
        </mc:AlternateContent>
        <mc:AlternateContent xmlns:mc="http://schemas.openxmlformats.org/markup-compatibility/2006">
          <mc:Choice Requires="x14">
            <control shapeId="4171" r:id="rId62" name="Check Box 75">
              <controlPr defaultSize="0" autoFill="0" autoLine="0" autoPict="0">
                <anchor moveWithCells="1">
                  <from>
                    <xdr:col>6</xdr:col>
                    <xdr:colOff>523875</xdr:colOff>
                    <xdr:row>87</xdr:row>
                    <xdr:rowOff>171450</xdr:rowOff>
                  </from>
                  <to>
                    <xdr:col>7</xdr:col>
                    <xdr:colOff>381000</xdr:colOff>
                    <xdr:row>89</xdr:row>
                    <xdr:rowOff>114300</xdr:rowOff>
                  </to>
                </anchor>
              </controlPr>
            </control>
          </mc:Choice>
        </mc:AlternateContent>
        <mc:AlternateContent xmlns:mc="http://schemas.openxmlformats.org/markup-compatibility/2006">
          <mc:Choice Requires="x14">
            <control shapeId="4172" r:id="rId63" name="Check Box 76">
              <controlPr defaultSize="0" autoFill="0" autoLine="0" autoPict="0">
                <anchor moveWithCells="1">
                  <from>
                    <xdr:col>5</xdr:col>
                    <xdr:colOff>161925</xdr:colOff>
                    <xdr:row>92</xdr:row>
                    <xdr:rowOff>161925</xdr:rowOff>
                  </from>
                  <to>
                    <xdr:col>6</xdr:col>
                    <xdr:colOff>66675</xdr:colOff>
                    <xdr:row>94</xdr:row>
                    <xdr:rowOff>76200</xdr:rowOff>
                  </to>
                </anchor>
              </controlPr>
            </control>
          </mc:Choice>
        </mc:AlternateContent>
        <mc:AlternateContent xmlns:mc="http://schemas.openxmlformats.org/markup-compatibility/2006">
          <mc:Choice Requires="x14">
            <control shapeId="4173" r:id="rId64" name="Check Box 77">
              <controlPr defaultSize="0" autoFill="0" autoLine="0" autoPict="0">
                <anchor moveWithCells="1">
                  <from>
                    <xdr:col>6</xdr:col>
                    <xdr:colOff>504825</xdr:colOff>
                    <xdr:row>92</xdr:row>
                    <xdr:rowOff>142875</xdr:rowOff>
                  </from>
                  <to>
                    <xdr:col>7</xdr:col>
                    <xdr:colOff>361950</xdr:colOff>
                    <xdr:row>94</xdr:row>
                    <xdr:rowOff>76200</xdr:rowOff>
                  </to>
                </anchor>
              </controlPr>
            </control>
          </mc:Choice>
        </mc:AlternateContent>
        <mc:AlternateContent xmlns:mc="http://schemas.openxmlformats.org/markup-compatibility/2006">
          <mc:Choice Requires="x14">
            <control shapeId="4174" r:id="rId65" name="Check Box 78">
              <controlPr defaultSize="0" autoFill="0" autoLine="0" autoPict="0">
                <anchor moveWithCells="1">
                  <from>
                    <xdr:col>5</xdr:col>
                    <xdr:colOff>161925</xdr:colOff>
                    <xdr:row>97</xdr:row>
                    <xdr:rowOff>0</xdr:rowOff>
                  </from>
                  <to>
                    <xdr:col>6</xdr:col>
                    <xdr:colOff>66675</xdr:colOff>
                    <xdr:row>98</xdr:row>
                    <xdr:rowOff>95250</xdr:rowOff>
                  </to>
                </anchor>
              </controlPr>
            </control>
          </mc:Choice>
        </mc:AlternateContent>
        <mc:AlternateContent xmlns:mc="http://schemas.openxmlformats.org/markup-compatibility/2006">
          <mc:Choice Requires="x14">
            <control shapeId="4175" r:id="rId66" name="Check Box 79">
              <controlPr defaultSize="0" autoFill="0" autoLine="0" autoPict="0">
                <anchor moveWithCells="1">
                  <from>
                    <xdr:col>6</xdr:col>
                    <xdr:colOff>523875</xdr:colOff>
                    <xdr:row>96</xdr:row>
                    <xdr:rowOff>171450</xdr:rowOff>
                  </from>
                  <to>
                    <xdr:col>7</xdr:col>
                    <xdr:colOff>381000</xdr:colOff>
                    <xdr:row>98</xdr:row>
                    <xdr:rowOff>95250</xdr:rowOff>
                  </to>
                </anchor>
              </controlPr>
            </control>
          </mc:Choice>
        </mc:AlternateContent>
        <mc:AlternateContent xmlns:mc="http://schemas.openxmlformats.org/markup-compatibility/2006">
          <mc:Choice Requires="x14">
            <control shapeId="4176" r:id="rId67" name="Check Box 80">
              <controlPr defaultSize="0" autoFill="0" autoLine="0" autoPict="0">
                <anchor moveWithCells="1">
                  <from>
                    <xdr:col>5</xdr:col>
                    <xdr:colOff>161925</xdr:colOff>
                    <xdr:row>126</xdr:row>
                    <xdr:rowOff>0</xdr:rowOff>
                  </from>
                  <to>
                    <xdr:col>6</xdr:col>
                    <xdr:colOff>57150</xdr:colOff>
                    <xdr:row>127</xdr:row>
                    <xdr:rowOff>95250</xdr:rowOff>
                  </to>
                </anchor>
              </controlPr>
            </control>
          </mc:Choice>
        </mc:AlternateContent>
        <mc:AlternateContent xmlns:mc="http://schemas.openxmlformats.org/markup-compatibility/2006">
          <mc:Choice Requires="x14">
            <control shapeId="4177" r:id="rId68" name="Check Box 81">
              <controlPr defaultSize="0" autoFill="0" autoLine="0" autoPict="0">
                <anchor moveWithCells="1">
                  <from>
                    <xdr:col>6</xdr:col>
                    <xdr:colOff>523875</xdr:colOff>
                    <xdr:row>125</xdr:row>
                    <xdr:rowOff>171450</xdr:rowOff>
                  </from>
                  <to>
                    <xdr:col>7</xdr:col>
                    <xdr:colOff>381000</xdr:colOff>
                    <xdr:row>127</xdr:row>
                    <xdr:rowOff>95250</xdr:rowOff>
                  </to>
                </anchor>
              </controlPr>
            </control>
          </mc:Choice>
        </mc:AlternateContent>
        <mc:AlternateContent xmlns:mc="http://schemas.openxmlformats.org/markup-compatibility/2006">
          <mc:Choice Requires="x14">
            <control shapeId="4178" r:id="rId69" name="Check Box 82">
              <controlPr defaultSize="0" autoFill="0" autoLine="0" autoPict="0">
                <anchor moveWithCells="1">
                  <from>
                    <xdr:col>5</xdr:col>
                    <xdr:colOff>161925</xdr:colOff>
                    <xdr:row>130</xdr:row>
                    <xdr:rowOff>0</xdr:rowOff>
                  </from>
                  <to>
                    <xdr:col>6</xdr:col>
                    <xdr:colOff>57150</xdr:colOff>
                    <xdr:row>131</xdr:row>
                    <xdr:rowOff>0</xdr:rowOff>
                  </to>
                </anchor>
              </controlPr>
            </control>
          </mc:Choice>
        </mc:AlternateContent>
        <mc:AlternateContent xmlns:mc="http://schemas.openxmlformats.org/markup-compatibility/2006">
          <mc:Choice Requires="x14">
            <control shapeId="4179" r:id="rId70" name="Check Box 83">
              <controlPr defaultSize="0" autoFill="0" autoLine="0" autoPict="0">
                <anchor moveWithCells="1">
                  <from>
                    <xdr:col>6</xdr:col>
                    <xdr:colOff>523875</xdr:colOff>
                    <xdr:row>130</xdr:row>
                    <xdr:rowOff>0</xdr:rowOff>
                  </from>
                  <to>
                    <xdr:col>7</xdr:col>
                    <xdr:colOff>381000</xdr:colOff>
                    <xdr:row>131</xdr:row>
                    <xdr:rowOff>9525</xdr:rowOff>
                  </to>
                </anchor>
              </controlPr>
            </control>
          </mc:Choice>
        </mc:AlternateContent>
        <mc:AlternateContent xmlns:mc="http://schemas.openxmlformats.org/markup-compatibility/2006">
          <mc:Choice Requires="x14">
            <control shapeId="4180" r:id="rId71" name="Check Box 84">
              <controlPr defaultSize="0" autoFill="0" autoLine="0" autoPict="0">
                <anchor moveWithCells="1">
                  <from>
                    <xdr:col>5</xdr:col>
                    <xdr:colOff>161925</xdr:colOff>
                    <xdr:row>172</xdr:row>
                    <xdr:rowOff>28575</xdr:rowOff>
                  </from>
                  <to>
                    <xdr:col>6</xdr:col>
                    <xdr:colOff>66675</xdr:colOff>
                    <xdr:row>173</xdr:row>
                    <xdr:rowOff>123825</xdr:rowOff>
                  </to>
                </anchor>
              </controlPr>
            </control>
          </mc:Choice>
        </mc:AlternateContent>
        <mc:AlternateContent xmlns:mc="http://schemas.openxmlformats.org/markup-compatibility/2006">
          <mc:Choice Requires="x14">
            <control shapeId="4181" r:id="rId72" name="Check Box 85">
              <controlPr defaultSize="0" autoFill="0" autoLine="0" autoPict="0">
                <anchor moveWithCells="1">
                  <from>
                    <xdr:col>6</xdr:col>
                    <xdr:colOff>533400</xdr:colOff>
                    <xdr:row>172</xdr:row>
                    <xdr:rowOff>19050</xdr:rowOff>
                  </from>
                  <to>
                    <xdr:col>7</xdr:col>
                    <xdr:colOff>400050</xdr:colOff>
                    <xdr:row>173</xdr:row>
                    <xdr:rowOff>123825</xdr:rowOff>
                  </to>
                </anchor>
              </controlPr>
            </control>
          </mc:Choice>
        </mc:AlternateContent>
        <mc:AlternateContent xmlns:mc="http://schemas.openxmlformats.org/markup-compatibility/2006">
          <mc:Choice Requires="x14">
            <control shapeId="4182" r:id="rId73" name="Check Box 86">
              <controlPr defaultSize="0" autoFill="0" autoLine="0" autoPict="0">
                <anchor moveWithCells="1">
                  <from>
                    <xdr:col>5</xdr:col>
                    <xdr:colOff>161925</xdr:colOff>
                    <xdr:row>208</xdr:row>
                    <xdr:rowOff>0</xdr:rowOff>
                  </from>
                  <to>
                    <xdr:col>6</xdr:col>
                    <xdr:colOff>57150</xdr:colOff>
                    <xdr:row>209</xdr:row>
                    <xdr:rowOff>95250</xdr:rowOff>
                  </to>
                </anchor>
              </controlPr>
            </control>
          </mc:Choice>
        </mc:AlternateContent>
        <mc:AlternateContent xmlns:mc="http://schemas.openxmlformats.org/markup-compatibility/2006">
          <mc:Choice Requires="x14">
            <control shapeId="4183" r:id="rId74" name="Check Box 87">
              <controlPr defaultSize="0" autoFill="0" autoLine="0" autoPict="0">
                <anchor moveWithCells="1">
                  <from>
                    <xdr:col>6</xdr:col>
                    <xdr:colOff>552450</xdr:colOff>
                    <xdr:row>207</xdr:row>
                    <xdr:rowOff>171450</xdr:rowOff>
                  </from>
                  <to>
                    <xdr:col>7</xdr:col>
                    <xdr:colOff>400050</xdr:colOff>
                    <xdr:row>209</xdr:row>
                    <xdr:rowOff>104775</xdr:rowOff>
                  </to>
                </anchor>
              </controlPr>
            </control>
          </mc:Choice>
        </mc:AlternateContent>
        <mc:AlternateContent xmlns:mc="http://schemas.openxmlformats.org/markup-compatibility/2006">
          <mc:Choice Requires="x14">
            <control shapeId="4184" r:id="rId75" name="Check Box 88">
              <controlPr defaultSize="0" autoFill="0" autoLine="0" autoPict="0">
                <anchor moveWithCells="1">
                  <from>
                    <xdr:col>5</xdr:col>
                    <xdr:colOff>180975</xdr:colOff>
                    <xdr:row>183</xdr:row>
                    <xdr:rowOff>114300</xdr:rowOff>
                  </from>
                  <to>
                    <xdr:col>6</xdr:col>
                    <xdr:colOff>76200</xdr:colOff>
                    <xdr:row>185</xdr:row>
                    <xdr:rowOff>47625</xdr:rowOff>
                  </to>
                </anchor>
              </controlPr>
            </control>
          </mc:Choice>
        </mc:AlternateContent>
        <mc:AlternateContent xmlns:mc="http://schemas.openxmlformats.org/markup-compatibility/2006">
          <mc:Choice Requires="x14">
            <control shapeId="4185" r:id="rId76" name="Check Box 89">
              <controlPr defaultSize="0" autoFill="0" autoLine="0" autoPict="0">
                <anchor moveWithCells="1">
                  <from>
                    <xdr:col>6</xdr:col>
                    <xdr:colOff>514350</xdr:colOff>
                    <xdr:row>183</xdr:row>
                    <xdr:rowOff>133350</xdr:rowOff>
                  </from>
                  <to>
                    <xdr:col>7</xdr:col>
                    <xdr:colOff>371475</xdr:colOff>
                    <xdr:row>185</xdr:row>
                    <xdr:rowOff>76200</xdr:rowOff>
                  </to>
                </anchor>
              </controlPr>
            </control>
          </mc:Choice>
        </mc:AlternateContent>
        <mc:AlternateContent xmlns:mc="http://schemas.openxmlformats.org/markup-compatibility/2006">
          <mc:Choice Requires="x14">
            <control shapeId="4186" r:id="rId77" name="Check Box 90">
              <controlPr defaultSize="0" autoFill="0" autoLine="0" autoPict="0">
                <anchor moveWithCells="1">
                  <from>
                    <xdr:col>5</xdr:col>
                    <xdr:colOff>161925</xdr:colOff>
                    <xdr:row>204</xdr:row>
                    <xdr:rowOff>0</xdr:rowOff>
                  </from>
                  <to>
                    <xdr:col>6</xdr:col>
                    <xdr:colOff>57150</xdr:colOff>
                    <xdr:row>205</xdr:row>
                    <xdr:rowOff>95250</xdr:rowOff>
                  </to>
                </anchor>
              </controlPr>
            </control>
          </mc:Choice>
        </mc:AlternateContent>
        <mc:AlternateContent xmlns:mc="http://schemas.openxmlformats.org/markup-compatibility/2006">
          <mc:Choice Requires="x14">
            <control shapeId="4187" r:id="rId78" name="Check Box 91">
              <controlPr defaultSize="0" autoFill="0" autoLine="0" autoPict="0">
                <anchor moveWithCells="1">
                  <from>
                    <xdr:col>6</xdr:col>
                    <xdr:colOff>523875</xdr:colOff>
                    <xdr:row>203</xdr:row>
                    <xdr:rowOff>171450</xdr:rowOff>
                  </from>
                  <to>
                    <xdr:col>7</xdr:col>
                    <xdr:colOff>381000</xdr:colOff>
                    <xdr:row>205</xdr:row>
                    <xdr:rowOff>104775</xdr:rowOff>
                  </to>
                </anchor>
              </controlPr>
            </control>
          </mc:Choice>
        </mc:AlternateContent>
        <mc:AlternateContent xmlns:mc="http://schemas.openxmlformats.org/markup-compatibility/2006">
          <mc:Choice Requires="x14">
            <control shapeId="4188" r:id="rId79" name="Check Box 92">
              <controlPr defaultSize="0" autoFill="0" autoLine="0" autoPict="0">
                <anchor moveWithCells="1">
                  <from>
                    <xdr:col>5</xdr:col>
                    <xdr:colOff>161925</xdr:colOff>
                    <xdr:row>213</xdr:row>
                    <xdr:rowOff>0</xdr:rowOff>
                  </from>
                  <to>
                    <xdr:col>6</xdr:col>
                    <xdr:colOff>57150</xdr:colOff>
                    <xdr:row>214</xdr:row>
                    <xdr:rowOff>95250</xdr:rowOff>
                  </to>
                </anchor>
              </controlPr>
            </control>
          </mc:Choice>
        </mc:AlternateContent>
        <mc:AlternateContent xmlns:mc="http://schemas.openxmlformats.org/markup-compatibility/2006">
          <mc:Choice Requires="x14">
            <control shapeId="4189" r:id="rId80" name="Check Box 93">
              <controlPr defaultSize="0" autoFill="0" autoLine="0" autoPict="0">
                <anchor moveWithCells="1">
                  <from>
                    <xdr:col>6</xdr:col>
                    <xdr:colOff>523875</xdr:colOff>
                    <xdr:row>212</xdr:row>
                    <xdr:rowOff>171450</xdr:rowOff>
                  </from>
                  <to>
                    <xdr:col>7</xdr:col>
                    <xdr:colOff>381000</xdr:colOff>
                    <xdr:row>214</xdr:row>
                    <xdr:rowOff>95250</xdr:rowOff>
                  </to>
                </anchor>
              </controlPr>
            </control>
          </mc:Choice>
        </mc:AlternateContent>
        <mc:AlternateContent xmlns:mc="http://schemas.openxmlformats.org/markup-compatibility/2006">
          <mc:Choice Requires="x14">
            <control shapeId="4190" r:id="rId81" name="Check Box 94">
              <controlPr defaultSize="0" autoFill="0" autoLine="0" autoPict="0">
                <anchor moveWithCells="1">
                  <from>
                    <xdr:col>5</xdr:col>
                    <xdr:colOff>161925</xdr:colOff>
                    <xdr:row>216</xdr:row>
                    <xdr:rowOff>0</xdr:rowOff>
                  </from>
                  <to>
                    <xdr:col>6</xdr:col>
                    <xdr:colOff>276225</xdr:colOff>
                    <xdr:row>217</xdr:row>
                    <xdr:rowOff>38100</xdr:rowOff>
                  </to>
                </anchor>
              </controlPr>
            </control>
          </mc:Choice>
        </mc:AlternateContent>
        <mc:AlternateContent xmlns:mc="http://schemas.openxmlformats.org/markup-compatibility/2006">
          <mc:Choice Requires="x14">
            <control shapeId="4191" r:id="rId82" name="Check Box 95">
              <controlPr defaultSize="0" autoFill="0" autoLine="0" autoPict="0">
                <anchor moveWithCells="1">
                  <from>
                    <xdr:col>6</xdr:col>
                    <xdr:colOff>390525</xdr:colOff>
                    <xdr:row>216</xdr:row>
                    <xdr:rowOff>28575</xdr:rowOff>
                  </from>
                  <to>
                    <xdr:col>7</xdr:col>
                    <xdr:colOff>542925</xdr:colOff>
                    <xdr:row>216</xdr:row>
                    <xdr:rowOff>209550</xdr:rowOff>
                  </to>
                </anchor>
              </controlPr>
            </control>
          </mc:Choice>
        </mc:AlternateContent>
        <mc:AlternateContent xmlns:mc="http://schemas.openxmlformats.org/markup-compatibility/2006">
          <mc:Choice Requires="x14">
            <control shapeId="4194" r:id="rId83" name="Check Box 98">
              <controlPr defaultSize="0" autoFill="0" autoLine="0" autoPict="0">
                <anchor moveWithCells="1">
                  <from>
                    <xdr:col>5</xdr:col>
                    <xdr:colOff>161925</xdr:colOff>
                    <xdr:row>53</xdr:row>
                    <xdr:rowOff>47625</xdr:rowOff>
                  </from>
                  <to>
                    <xdr:col>6</xdr:col>
                    <xdr:colOff>57150</xdr:colOff>
                    <xdr:row>54</xdr:row>
                    <xdr:rowOff>133350</xdr:rowOff>
                  </to>
                </anchor>
              </controlPr>
            </control>
          </mc:Choice>
        </mc:AlternateContent>
        <mc:AlternateContent xmlns:mc="http://schemas.openxmlformats.org/markup-compatibility/2006">
          <mc:Choice Requires="x14">
            <control shapeId="4195" r:id="rId84" name="Check Box 99">
              <controlPr defaultSize="0" autoFill="0" autoLine="0" autoPict="0">
                <anchor moveWithCells="1">
                  <from>
                    <xdr:col>6</xdr:col>
                    <xdr:colOff>542925</xdr:colOff>
                    <xdr:row>53</xdr:row>
                    <xdr:rowOff>28575</xdr:rowOff>
                  </from>
                  <to>
                    <xdr:col>7</xdr:col>
                    <xdr:colOff>400050</xdr:colOff>
                    <xdr:row>54</xdr:row>
                    <xdr:rowOff>133350</xdr:rowOff>
                  </to>
                </anchor>
              </controlPr>
            </control>
          </mc:Choice>
        </mc:AlternateContent>
        <mc:AlternateContent xmlns:mc="http://schemas.openxmlformats.org/markup-compatibility/2006">
          <mc:Choice Requires="x14">
            <control shapeId="4196" r:id="rId85" name="Check Box 100">
              <controlPr defaultSize="0" autoFill="0" autoLine="0" autoPict="0">
                <anchor moveWithCells="1">
                  <from>
                    <xdr:col>5</xdr:col>
                    <xdr:colOff>171450</xdr:colOff>
                    <xdr:row>57</xdr:row>
                    <xdr:rowOff>0</xdr:rowOff>
                  </from>
                  <to>
                    <xdr:col>6</xdr:col>
                    <xdr:colOff>57150</xdr:colOff>
                    <xdr:row>58</xdr:row>
                    <xdr:rowOff>104775</xdr:rowOff>
                  </to>
                </anchor>
              </controlPr>
            </control>
          </mc:Choice>
        </mc:AlternateContent>
        <mc:AlternateContent xmlns:mc="http://schemas.openxmlformats.org/markup-compatibility/2006">
          <mc:Choice Requires="x14">
            <control shapeId="4197" r:id="rId86" name="Check Box 101">
              <controlPr defaultSize="0" autoFill="0" autoLine="0" autoPict="0">
                <anchor moveWithCells="1">
                  <from>
                    <xdr:col>6</xdr:col>
                    <xdr:colOff>523875</xdr:colOff>
                    <xdr:row>57</xdr:row>
                    <xdr:rowOff>0</xdr:rowOff>
                  </from>
                  <to>
                    <xdr:col>7</xdr:col>
                    <xdr:colOff>381000</xdr:colOff>
                    <xdr:row>58</xdr:row>
                    <xdr:rowOff>114300</xdr:rowOff>
                  </to>
                </anchor>
              </controlPr>
            </control>
          </mc:Choice>
        </mc:AlternateContent>
        <mc:AlternateContent xmlns:mc="http://schemas.openxmlformats.org/markup-compatibility/2006">
          <mc:Choice Requires="x14">
            <control shapeId="4198" r:id="rId87" name="Check Box 102">
              <controlPr defaultSize="0" autoFill="0" autoLine="0" autoPict="0">
                <anchor moveWithCells="1">
                  <from>
                    <xdr:col>5</xdr:col>
                    <xdr:colOff>161925</xdr:colOff>
                    <xdr:row>7</xdr:row>
                    <xdr:rowOff>161925</xdr:rowOff>
                  </from>
                  <to>
                    <xdr:col>6</xdr:col>
                    <xdr:colOff>57150</xdr:colOff>
                    <xdr:row>9</xdr:row>
                    <xdr:rowOff>57150</xdr:rowOff>
                  </to>
                </anchor>
              </controlPr>
            </control>
          </mc:Choice>
        </mc:AlternateContent>
        <mc:AlternateContent xmlns:mc="http://schemas.openxmlformats.org/markup-compatibility/2006">
          <mc:Choice Requires="x14">
            <control shapeId="4199" r:id="rId88" name="Check Box 103">
              <controlPr defaultSize="0" autoFill="0" autoLine="0" autoPict="0">
                <anchor moveWithCells="1">
                  <from>
                    <xdr:col>6</xdr:col>
                    <xdr:colOff>523875</xdr:colOff>
                    <xdr:row>7</xdr:row>
                    <xdr:rowOff>152400</xdr:rowOff>
                  </from>
                  <to>
                    <xdr:col>7</xdr:col>
                    <xdr:colOff>381000</xdr:colOff>
                    <xdr:row>9</xdr:row>
                    <xdr:rowOff>66675</xdr:rowOff>
                  </to>
                </anchor>
              </controlPr>
            </control>
          </mc:Choice>
        </mc:AlternateContent>
        <mc:AlternateContent xmlns:mc="http://schemas.openxmlformats.org/markup-compatibility/2006">
          <mc:Choice Requires="x14">
            <control shapeId="4200" r:id="rId89" name="Check Box 104">
              <controlPr defaultSize="0" autoFill="0" autoLine="0" autoPict="0">
                <anchor moveWithCells="1">
                  <from>
                    <xdr:col>5</xdr:col>
                    <xdr:colOff>171450</xdr:colOff>
                    <xdr:row>13</xdr:row>
                    <xdr:rowOff>19050</xdr:rowOff>
                  </from>
                  <to>
                    <xdr:col>6</xdr:col>
                    <xdr:colOff>57150</xdr:colOff>
                    <xdr:row>14</xdr:row>
                    <xdr:rowOff>95250</xdr:rowOff>
                  </to>
                </anchor>
              </controlPr>
            </control>
          </mc:Choice>
        </mc:AlternateContent>
        <mc:AlternateContent xmlns:mc="http://schemas.openxmlformats.org/markup-compatibility/2006">
          <mc:Choice Requires="x14">
            <control shapeId="4201" r:id="rId90" name="Check Box 105">
              <controlPr defaultSize="0" autoFill="0" autoLine="0" autoPict="0">
                <anchor moveWithCells="1">
                  <from>
                    <xdr:col>6</xdr:col>
                    <xdr:colOff>523875</xdr:colOff>
                    <xdr:row>12</xdr:row>
                    <xdr:rowOff>171450</xdr:rowOff>
                  </from>
                  <to>
                    <xdr:col>7</xdr:col>
                    <xdr:colOff>381000</xdr:colOff>
                    <xdr:row>14</xdr:row>
                    <xdr:rowOff>95250</xdr:rowOff>
                  </to>
                </anchor>
              </controlPr>
            </control>
          </mc:Choice>
        </mc:AlternateContent>
        <mc:AlternateContent xmlns:mc="http://schemas.openxmlformats.org/markup-compatibility/2006">
          <mc:Choice Requires="x14">
            <control shapeId="4202" r:id="rId91" name="Check Box 106">
              <controlPr defaultSize="0" autoFill="0" autoLine="0" autoPict="0">
                <anchor moveWithCells="1">
                  <from>
                    <xdr:col>5</xdr:col>
                    <xdr:colOff>161925</xdr:colOff>
                    <xdr:row>17</xdr:row>
                    <xdr:rowOff>0</xdr:rowOff>
                  </from>
                  <to>
                    <xdr:col>6</xdr:col>
                    <xdr:colOff>57150</xdr:colOff>
                    <xdr:row>18</xdr:row>
                    <xdr:rowOff>85725</xdr:rowOff>
                  </to>
                </anchor>
              </controlPr>
            </control>
          </mc:Choice>
        </mc:AlternateContent>
        <mc:AlternateContent xmlns:mc="http://schemas.openxmlformats.org/markup-compatibility/2006">
          <mc:Choice Requires="x14">
            <control shapeId="4203" r:id="rId92" name="Check Box 107">
              <controlPr defaultSize="0" autoFill="0" autoLine="0" autoPict="0">
                <anchor moveWithCells="1">
                  <from>
                    <xdr:col>6</xdr:col>
                    <xdr:colOff>523875</xdr:colOff>
                    <xdr:row>16</xdr:row>
                    <xdr:rowOff>171450</xdr:rowOff>
                  </from>
                  <to>
                    <xdr:col>7</xdr:col>
                    <xdr:colOff>381000</xdr:colOff>
                    <xdr:row>18</xdr:row>
                    <xdr:rowOff>85725</xdr:rowOff>
                  </to>
                </anchor>
              </controlPr>
            </control>
          </mc:Choice>
        </mc:AlternateContent>
        <mc:AlternateContent xmlns:mc="http://schemas.openxmlformats.org/markup-compatibility/2006">
          <mc:Choice Requires="x14">
            <control shapeId="4204" r:id="rId93" name="Check Box 108">
              <controlPr defaultSize="0" autoFill="0" autoLine="0" autoPict="0">
                <anchor moveWithCells="1">
                  <from>
                    <xdr:col>5</xdr:col>
                    <xdr:colOff>161925</xdr:colOff>
                    <xdr:row>24</xdr:row>
                    <xdr:rowOff>0</xdr:rowOff>
                  </from>
                  <to>
                    <xdr:col>6</xdr:col>
                    <xdr:colOff>57150</xdr:colOff>
                    <xdr:row>25</xdr:row>
                    <xdr:rowOff>85725</xdr:rowOff>
                  </to>
                </anchor>
              </controlPr>
            </control>
          </mc:Choice>
        </mc:AlternateContent>
        <mc:AlternateContent xmlns:mc="http://schemas.openxmlformats.org/markup-compatibility/2006">
          <mc:Choice Requires="x14">
            <control shapeId="4205" r:id="rId94" name="Check Box 109">
              <controlPr defaultSize="0" autoFill="0" autoLine="0" autoPict="0">
                <anchor moveWithCells="1">
                  <from>
                    <xdr:col>6</xdr:col>
                    <xdr:colOff>523875</xdr:colOff>
                    <xdr:row>23</xdr:row>
                    <xdr:rowOff>171450</xdr:rowOff>
                  </from>
                  <to>
                    <xdr:col>7</xdr:col>
                    <xdr:colOff>381000</xdr:colOff>
                    <xdr:row>25</xdr:row>
                    <xdr:rowOff>95250</xdr:rowOff>
                  </to>
                </anchor>
              </controlPr>
            </control>
          </mc:Choice>
        </mc:AlternateContent>
        <mc:AlternateContent xmlns:mc="http://schemas.openxmlformats.org/markup-compatibility/2006">
          <mc:Choice Requires="x14">
            <control shapeId="4206" r:id="rId95" name="Check Box 110">
              <controlPr defaultSize="0" autoFill="0" autoLine="0" autoPict="0">
                <anchor moveWithCells="1">
                  <from>
                    <xdr:col>5</xdr:col>
                    <xdr:colOff>142875</xdr:colOff>
                    <xdr:row>20</xdr:row>
                    <xdr:rowOff>9525</xdr:rowOff>
                  </from>
                  <to>
                    <xdr:col>6</xdr:col>
                    <xdr:colOff>38100</xdr:colOff>
                    <xdr:row>21</xdr:row>
                    <xdr:rowOff>95250</xdr:rowOff>
                  </to>
                </anchor>
              </controlPr>
            </control>
          </mc:Choice>
        </mc:AlternateContent>
        <mc:AlternateContent xmlns:mc="http://schemas.openxmlformats.org/markup-compatibility/2006">
          <mc:Choice Requires="x14">
            <control shapeId="4207" r:id="rId96" name="Check Box 111">
              <controlPr defaultSize="0" autoFill="0" autoLine="0" autoPict="0">
                <anchor moveWithCells="1">
                  <from>
                    <xdr:col>6</xdr:col>
                    <xdr:colOff>514350</xdr:colOff>
                    <xdr:row>20</xdr:row>
                    <xdr:rowOff>19050</xdr:rowOff>
                  </from>
                  <to>
                    <xdr:col>7</xdr:col>
                    <xdr:colOff>371475</xdr:colOff>
                    <xdr:row>21</xdr:row>
                    <xdr:rowOff>123825</xdr:rowOff>
                  </to>
                </anchor>
              </controlPr>
            </control>
          </mc:Choice>
        </mc:AlternateContent>
        <mc:AlternateContent xmlns:mc="http://schemas.openxmlformats.org/markup-compatibility/2006">
          <mc:Choice Requires="x14">
            <control shapeId="4208" r:id="rId97" name="Check Box 112">
              <controlPr defaultSize="0" autoFill="0" autoLine="0" autoPict="0">
                <anchor moveWithCells="1">
                  <from>
                    <xdr:col>5</xdr:col>
                    <xdr:colOff>161925</xdr:colOff>
                    <xdr:row>283</xdr:row>
                    <xdr:rowOff>38100</xdr:rowOff>
                  </from>
                  <to>
                    <xdr:col>6</xdr:col>
                    <xdr:colOff>57150</xdr:colOff>
                    <xdr:row>284</xdr:row>
                    <xdr:rowOff>152400</xdr:rowOff>
                  </to>
                </anchor>
              </controlPr>
            </control>
          </mc:Choice>
        </mc:AlternateContent>
        <mc:AlternateContent xmlns:mc="http://schemas.openxmlformats.org/markup-compatibility/2006">
          <mc:Choice Requires="x14">
            <control shapeId="4209" r:id="rId98" name="Check Box 113">
              <controlPr defaultSize="0" autoFill="0" autoLine="0" autoPict="0">
                <anchor moveWithCells="1">
                  <from>
                    <xdr:col>6</xdr:col>
                    <xdr:colOff>533400</xdr:colOff>
                    <xdr:row>283</xdr:row>
                    <xdr:rowOff>38100</xdr:rowOff>
                  </from>
                  <to>
                    <xdr:col>7</xdr:col>
                    <xdr:colOff>381000</xdr:colOff>
                    <xdr:row>284</xdr:row>
                    <xdr:rowOff>152400</xdr:rowOff>
                  </to>
                </anchor>
              </controlPr>
            </control>
          </mc:Choice>
        </mc:AlternateContent>
        <mc:AlternateContent xmlns:mc="http://schemas.openxmlformats.org/markup-compatibility/2006">
          <mc:Choice Requires="x14">
            <control shapeId="4210" r:id="rId99" name="Check Box 114">
              <controlPr defaultSize="0" autoFill="0" autoLine="0" autoPict="0">
                <anchor moveWithCells="1">
                  <from>
                    <xdr:col>5</xdr:col>
                    <xdr:colOff>161925</xdr:colOff>
                    <xdr:row>286</xdr:row>
                    <xdr:rowOff>0</xdr:rowOff>
                  </from>
                  <to>
                    <xdr:col>6</xdr:col>
                    <xdr:colOff>57150</xdr:colOff>
                    <xdr:row>287</xdr:row>
                    <xdr:rowOff>114300</xdr:rowOff>
                  </to>
                </anchor>
              </controlPr>
            </control>
          </mc:Choice>
        </mc:AlternateContent>
        <mc:AlternateContent xmlns:mc="http://schemas.openxmlformats.org/markup-compatibility/2006">
          <mc:Choice Requires="x14">
            <control shapeId="4211" r:id="rId100" name="Check Box 115">
              <controlPr defaultSize="0" autoFill="0" autoLine="0" autoPict="0">
                <anchor moveWithCells="1">
                  <from>
                    <xdr:col>6</xdr:col>
                    <xdr:colOff>523875</xdr:colOff>
                    <xdr:row>285</xdr:row>
                    <xdr:rowOff>171450</xdr:rowOff>
                  </from>
                  <to>
                    <xdr:col>7</xdr:col>
                    <xdr:colOff>381000</xdr:colOff>
                    <xdr:row>287</xdr:row>
                    <xdr:rowOff>123825</xdr:rowOff>
                  </to>
                </anchor>
              </controlPr>
            </control>
          </mc:Choice>
        </mc:AlternateContent>
        <mc:AlternateContent xmlns:mc="http://schemas.openxmlformats.org/markup-compatibility/2006">
          <mc:Choice Requires="x14">
            <control shapeId="4212" r:id="rId101" name="Check Box 116">
              <controlPr defaultSize="0" autoFill="0" autoLine="0" autoPict="0">
                <anchor moveWithCells="1">
                  <from>
                    <xdr:col>5</xdr:col>
                    <xdr:colOff>161925</xdr:colOff>
                    <xdr:row>289</xdr:row>
                    <xdr:rowOff>0</xdr:rowOff>
                  </from>
                  <to>
                    <xdr:col>6</xdr:col>
                    <xdr:colOff>57150</xdr:colOff>
                    <xdr:row>290</xdr:row>
                    <xdr:rowOff>114300</xdr:rowOff>
                  </to>
                </anchor>
              </controlPr>
            </control>
          </mc:Choice>
        </mc:AlternateContent>
        <mc:AlternateContent xmlns:mc="http://schemas.openxmlformats.org/markup-compatibility/2006">
          <mc:Choice Requires="x14">
            <control shapeId="4213" r:id="rId102" name="Check Box 117">
              <controlPr defaultSize="0" autoFill="0" autoLine="0" autoPict="0">
                <anchor moveWithCells="1">
                  <from>
                    <xdr:col>6</xdr:col>
                    <xdr:colOff>523875</xdr:colOff>
                    <xdr:row>288</xdr:row>
                    <xdr:rowOff>171450</xdr:rowOff>
                  </from>
                  <to>
                    <xdr:col>7</xdr:col>
                    <xdr:colOff>381000</xdr:colOff>
                    <xdr:row>290</xdr:row>
                    <xdr:rowOff>123825</xdr:rowOff>
                  </to>
                </anchor>
              </controlPr>
            </control>
          </mc:Choice>
        </mc:AlternateContent>
        <mc:AlternateContent xmlns:mc="http://schemas.openxmlformats.org/markup-compatibility/2006">
          <mc:Choice Requires="x14">
            <control shapeId="4214" r:id="rId103" name="Check Box 118">
              <controlPr defaultSize="0" autoFill="0" autoLine="0" autoPict="0">
                <anchor moveWithCells="1">
                  <from>
                    <xdr:col>5</xdr:col>
                    <xdr:colOff>161925</xdr:colOff>
                    <xdr:row>292</xdr:row>
                    <xdr:rowOff>0</xdr:rowOff>
                  </from>
                  <to>
                    <xdr:col>6</xdr:col>
                    <xdr:colOff>57150</xdr:colOff>
                    <xdr:row>293</xdr:row>
                    <xdr:rowOff>114300</xdr:rowOff>
                  </to>
                </anchor>
              </controlPr>
            </control>
          </mc:Choice>
        </mc:AlternateContent>
        <mc:AlternateContent xmlns:mc="http://schemas.openxmlformats.org/markup-compatibility/2006">
          <mc:Choice Requires="x14">
            <control shapeId="4215" r:id="rId104" name="Check Box 119">
              <controlPr defaultSize="0" autoFill="0" autoLine="0" autoPict="0">
                <anchor moveWithCells="1">
                  <from>
                    <xdr:col>6</xdr:col>
                    <xdr:colOff>523875</xdr:colOff>
                    <xdr:row>291</xdr:row>
                    <xdr:rowOff>171450</xdr:rowOff>
                  </from>
                  <to>
                    <xdr:col>7</xdr:col>
                    <xdr:colOff>381000</xdr:colOff>
                    <xdr:row>293</xdr:row>
                    <xdr:rowOff>123825</xdr:rowOff>
                  </to>
                </anchor>
              </controlPr>
            </control>
          </mc:Choice>
        </mc:AlternateContent>
        <mc:AlternateContent xmlns:mc="http://schemas.openxmlformats.org/markup-compatibility/2006">
          <mc:Choice Requires="x14">
            <control shapeId="4216" r:id="rId105" name="Check Box 120">
              <controlPr defaultSize="0" autoFill="0" autoLine="0" autoPict="0">
                <anchor moveWithCells="1">
                  <from>
                    <xdr:col>5</xdr:col>
                    <xdr:colOff>161925</xdr:colOff>
                    <xdr:row>295</xdr:row>
                    <xdr:rowOff>0</xdr:rowOff>
                  </from>
                  <to>
                    <xdr:col>6</xdr:col>
                    <xdr:colOff>57150</xdr:colOff>
                    <xdr:row>296</xdr:row>
                    <xdr:rowOff>114300</xdr:rowOff>
                  </to>
                </anchor>
              </controlPr>
            </control>
          </mc:Choice>
        </mc:AlternateContent>
        <mc:AlternateContent xmlns:mc="http://schemas.openxmlformats.org/markup-compatibility/2006">
          <mc:Choice Requires="x14">
            <control shapeId="4217" r:id="rId106" name="Check Box 121">
              <controlPr defaultSize="0" autoFill="0" autoLine="0" autoPict="0">
                <anchor moveWithCells="1">
                  <from>
                    <xdr:col>6</xdr:col>
                    <xdr:colOff>523875</xdr:colOff>
                    <xdr:row>294</xdr:row>
                    <xdr:rowOff>171450</xdr:rowOff>
                  </from>
                  <to>
                    <xdr:col>7</xdr:col>
                    <xdr:colOff>381000</xdr:colOff>
                    <xdr:row>296</xdr:row>
                    <xdr:rowOff>123825</xdr:rowOff>
                  </to>
                </anchor>
              </controlPr>
            </control>
          </mc:Choice>
        </mc:AlternateContent>
        <mc:AlternateContent xmlns:mc="http://schemas.openxmlformats.org/markup-compatibility/2006">
          <mc:Choice Requires="x14">
            <control shapeId="4238" r:id="rId107" name="Check Box 142">
              <controlPr defaultSize="0" autoFill="0" autoLine="0" autoPict="0">
                <anchor moveWithCells="1">
                  <from>
                    <xdr:col>5</xdr:col>
                    <xdr:colOff>161925</xdr:colOff>
                    <xdr:row>300</xdr:row>
                    <xdr:rowOff>0</xdr:rowOff>
                  </from>
                  <to>
                    <xdr:col>6</xdr:col>
                    <xdr:colOff>57150</xdr:colOff>
                    <xdr:row>301</xdr:row>
                    <xdr:rowOff>76200</xdr:rowOff>
                  </to>
                </anchor>
              </controlPr>
            </control>
          </mc:Choice>
        </mc:AlternateContent>
        <mc:AlternateContent xmlns:mc="http://schemas.openxmlformats.org/markup-compatibility/2006">
          <mc:Choice Requires="x14">
            <control shapeId="4239" r:id="rId108" name="Check Box 143">
              <controlPr defaultSize="0" autoFill="0" autoLine="0" autoPict="0">
                <anchor moveWithCells="1">
                  <from>
                    <xdr:col>6</xdr:col>
                    <xdr:colOff>523875</xdr:colOff>
                    <xdr:row>299</xdr:row>
                    <xdr:rowOff>171450</xdr:rowOff>
                  </from>
                  <to>
                    <xdr:col>7</xdr:col>
                    <xdr:colOff>381000</xdr:colOff>
                    <xdr:row>301</xdr:row>
                    <xdr:rowOff>57150</xdr:rowOff>
                  </to>
                </anchor>
              </controlPr>
            </control>
          </mc:Choice>
        </mc:AlternateContent>
        <mc:AlternateContent xmlns:mc="http://schemas.openxmlformats.org/markup-compatibility/2006">
          <mc:Choice Requires="x14">
            <control shapeId="4242" r:id="rId109" name="Check Box 146">
              <controlPr defaultSize="0" autoFill="0" autoLine="0" autoPict="0">
                <anchor moveWithCells="1">
                  <from>
                    <xdr:col>5</xdr:col>
                    <xdr:colOff>161925</xdr:colOff>
                    <xdr:row>303</xdr:row>
                    <xdr:rowOff>0</xdr:rowOff>
                  </from>
                  <to>
                    <xdr:col>6</xdr:col>
                    <xdr:colOff>57150</xdr:colOff>
                    <xdr:row>304</xdr:row>
                    <xdr:rowOff>76200</xdr:rowOff>
                  </to>
                </anchor>
              </controlPr>
            </control>
          </mc:Choice>
        </mc:AlternateContent>
        <mc:AlternateContent xmlns:mc="http://schemas.openxmlformats.org/markup-compatibility/2006">
          <mc:Choice Requires="x14">
            <control shapeId="4243" r:id="rId110" name="Check Box 147">
              <controlPr defaultSize="0" autoFill="0" autoLine="0" autoPict="0">
                <anchor moveWithCells="1">
                  <from>
                    <xdr:col>6</xdr:col>
                    <xdr:colOff>523875</xdr:colOff>
                    <xdr:row>302</xdr:row>
                    <xdr:rowOff>171450</xdr:rowOff>
                  </from>
                  <to>
                    <xdr:col>7</xdr:col>
                    <xdr:colOff>381000</xdr:colOff>
                    <xdr:row>304</xdr:row>
                    <xdr:rowOff>57150</xdr:rowOff>
                  </to>
                </anchor>
              </controlPr>
            </control>
          </mc:Choice>
        </mc:AlternateContent>
        <mc:AlternateContent xmlns:mc="http://schemas.openxmlformats.org/markup-compatibility/2006">
          <mc:Choice Requires="x14">
            <control shapeId="4244" r:id="rId111" name="Check Box 148">
              <controlPr defaultSize="0" autoFill="0" autoLine="0" autoPict="0">
                <anchor moveWithCells="1">
                  <from>
                    <xdr:col>5</xdr:col>
                    <xdr:colOff>171450</xdr:colOff>
                    <xdr:row>153</xdr:row>
                    <xdr:rowOff>0</xdr:rowOff>
                  </from>
                  <to>
                    <xdr:col>6</xdr:col>
                    <xdr:colOff>66675</xdr:colOff>
                    <xdr:row>154</xdr:row>
                    <xdr:rowOff>95250</xdr:rowOff>
                  </to>
                </anchor>
              </controlPr>
            </control>
          </mc:Choice>
        </mc:AlternateContent>
        <mc:AlternateContent xmlns:mc="http://schemas.openxmlformats.org/markup-compatibility/2006">
          <mc:Choice Requires="x14">
            <control shapeId="4245" r:id="rId112" name="Check Box 149">
              <controlPr defaultSize="0" autoFill="0" autoLine="0" autoPict="0">
                <anchor moveWithCells="1">
                  <from>
                    <xdr:col>6</xdr:col>
                    <xdr:colOff>523875</xdr:colOff>
                    <xdr:row>153</xdr:row>
                    <xdr:rowOff>0</xdr:rowOff>
                  </from>
                  <to>
                    <xdr:col>7</xdr:col>
                    <xdr:colOff>381000</xdr:colOff>
                    <xdr:row>154</xdr:row>
                    <xdr:rowOff>114300</xdr:rowOff>
                  </to>
                </anchor>
              </controlPr>
            </control>
          </mc:Choice>
        </mc:AlternateContent>
        <mc:AlternateContent xmlns:mc="http://schemas.openxmlformats.org/markup-compatibility/2006">
          <mc:Choice Requires="x14">
            <control shapeId="4246" r:id="rId113" name="Check Box 150">
              <controlPr defaultSize="0" autoFill="0" autoLine="0" autoPict="0">
                <anchor moveWithCells="1">
                  <from>
                    <xdr:col>5</xdr:col>
                    <xdr:colOff>161925</xdr:colOff>
                    <xdr:row>179</xdr:row>
                    <xdr:rowOff>0</xdr:rowOff>
                  </from>
                  <to>
                    <xdr:col>6</xdr:col>
                    <xdr:colOff>57150</xdr:colOff>
                    <xdr:row>180</xdr:row>
                    <xdr:rowOff>95250</xdr:rowOff>
                  </to>
                </anchor>
              </controlPr>
            </control>
          </mc:Choice>
        </mc:AlternateContent>
        <mc:AlternateContent xmlns:mc="http://schemas.openxmlformats.org/markup-compatibility/2006">
          <mc:Choice Requires="x14">
            <control shapeId="4247" r:id="rId114" name="Check Box 151">
              <controlPr defaultSize="0" autoFill="0" autoLine="0" autoPict="0">
                <anchor moveWithCells="1">
                  <from>
                    <xdr:col>6</xdr:col>
                    <xdr:colOff>523875</xdr:colOff>
                    <xdr:row>178</xdr:row>
                    <xdr:rowOff>171450</xdr:rowOff>
                  </from>
                  <to>
                    <xdr:col>7</xdr:col>
                    <xdr:colOff>381000</xdr:colOff>
                    <xdr:row>180</xdr:row>
                    <xdr:rowOff>104775</xdr:rowOff>
                  </to>
                </anchor>
              </controlPr>
            </control>
          </mc:Choice>
        </mc:AlternateContent>
        <mc:AlternateContent xmlns:mc="http://schemas.openxmlformats.org/markup-compatibility/2006">
          <mc:Choice Requires="x14">
            <control shapeId="4248" r:id="rId115" name="Check Box 152">
              <controlPr defaultSize="0" autoFill="0" autoLine="0" autoPict="0">
                <anchor moveWithCells="1">
                  <from>
                    <xdr:col>5</xdr:col>
                    <xdr:colOff>161925</xdr:colOff>
                    <xdr:row>89</xdr:row>
                    <xdr:rowOff>76200</xdr:rowOff>
                  </from>
                  <to>
                    <xdr:col>7</xdr:col>
                    <xdr:colOff>447675</xdr:colOff>
                    <xdr:row>92</xdr:row>
                    <xdr:rowOff>95250</xdr:rowOff>
                  </to>
                </anchor>
              </controlPr>
            </control>
          </mc:Choice>
        </mc:AlternateContent>
        <mc:AlternateContent xmlns:mc="http://schemas.openxmlformats.org/markup-compatibility/2006">
          <mc:Choice Requires="x14">
            <control shapeId="4249" r:id="rId116" name="Check Box 153">
              <controlPr defaultSize="0" autoFill="0" autoLine="0" autoPict="0">
                <anchor moveWithCells="1">
                  <from>
                    <xdr:col>5</xdr:col>
                    <xdr:colOff>161925</xdr:colOff>
                    <xdr:row>148</xdr:row>
                    <xdr:rowOff>133350</xdr:rowOff>
                  </from>
                  <to>
                    <xdr:col>6</xdr:col>
                    <xdr:colOff>66675</xdr:colOff>
                    <xdr:row>150</xdr:row>
                    <xdr:rowOff>66675</xdr:rowOff>
                  </to>
                </anchor>
              </controlPr>
            </control>
          </mc:Choice>
        </mc:AlternateContent>
        <mc:AlternateContent xmlns:mc="http://schemas.openxmlformats.org/markup-compatibility/2006">
          <mc:Choice Requires="x14">
            <control shapeId="4250" r:id="rId117" name="Check Box 154">
              <controlPr defaultSize="0" autoFill="0" autoLine="0" autoPict="0">
                <anchor moveWithCells="1">
                  <from>
                    <xdr:col>6</xdr:col>
                    <xdr:colOff>523875</xdr:colOff>
                    <xdr:row>148</xdr:row>
                    <xdr:rowOff>123825</xdr:rowOff>
                  </from>
                  <to>
                    <xdr:col>7</xdr:col>
                    <xdr:colOff>381000</xdr:colOff>
                    <xdr:row>150</xdr:row>
                    <xdr:rowOff>66675</xdr:rowOff>
                  </to>
                </anchor>
              </controlPr>
            </control>
          </mc:Choice>
        </mc:AlternateContent>
        <mc:AlternateContent xmlns:mc="http://schemas.openxmlformats.org/markup-compatibility/2006">
          <mc:Choice Requires="x14">
            <control shapeId="4251" r:id="rId118" name="Check Box 155">
              <controlPr defaultSize="0" autoFill="0" autoLine="0" autoPict="0">
                <anchor moveWithCells="1">
                  <from>
                    <xdr:col>5</xdr:col>
                    <xdr:colOff>161925</xdr:colOff>
                    <xdr:row>136</xdr:row>
                    <xdr:rowOff>0</xdr:rowOff>
                  </from>
                  <to>
                    <xdr:col>6</xdr:col>
                    <xdr:colOff>57150</xdr:colOff>
                    <xdr:row>137</xdr:row>
                    <xdr:rowOff>95250</xdr:rowOff>
                  </to>
                </anchor>
              </controlPr>
            </control>
          </mc:Choice>
        </mc:AlternateContent>
        <mc:AlternateContent xmlns:mc="http://schemas.openxmlformats.org/markup-compatibility/2006">
          <mc:Choice Requires="x14">
            <control shapeId="4252" r:id="rId119" name="Check Box 156">
              <controlPr defaultSize="0" autoFill="0" autoLine="0" autoPict="0">
                <anchor moveWithCells="1">
                  <from>
                    <xdr:col>6</xdr:col>
                    <xdr:colOff>523875</xdr:colOff>
                    <xdr:row>135</xdr:row>
                    <xdr:rowOff>171450</xdr:rowOff>
                  </from>
                  <to>
                    <xdr:col>7</xdr:col>
                    <xdr:colOff>381000</xdr:colOff>
                    <xdr:row>137</xdr:row>
                    <xdr:rowOff>104775</xdr:rowOff>
                  </to>
                </anchor>
              </controlPr>
            </control>
          </mc:Choice>
        </mc:AlternateContent>
        <mc:AlternateContent xmlns:mc="http://schemas.openxmlformats.org/markup-compatibility/2006">
          <mc:Choice Requires="x14">
            <control shapeId="4253" r:id="rId120" name="Check Box 157">
              <controlPr defaultSize="0" autoFill="0" autoLine="0" autoPict="0">
                <anchor moveWithCells="1">
                  <from>
                    <xdr:col>5</xdr:col>
                    <xdr:colOff>161925</xdr:colOff>
                    <xdr:row>133</xdr:row>
                    <xdr:rowOff>0</xdr:rowOff>
                  </from>
                  <to>
                    <xdr:col>6</xdr:col>
                    <xdr:colOff>57150</xdr:colOff>
                    <xdr:row>134</xdr:row>
                    <xdr:rowOff>95250</xdr:rowOff>
                  </to>
                </anchor>
              </controlPr>
            </control>
          </mc:Choice>
        </mc:AlternateContent>
        <mc:AlternateContent xmlns:mc="http://schemas.openxmlformats.org/markup-compatibility/2006">
          <mc:Choice Requires="x14">
            <control shapeId="4254" r:id="rId121" name="Check Box 158">
              <controlPr defaultSize="0" autoFill="0" autoLine="0" autoPict="0">
                <anchor moveWithCells="1">
                  <from>
                    <xdr:col>6</xdr:col>
                    <xdr:colOff>523875</xdr:colOff>
                    <xdr:row>132</xdr:row>
                    <xdr:rowOff>171450</xdr:rowOff>
                  </from>
                  <to>
                    <xdr:col>7</xdr:col>
                    <xdr:colOff>381000</xdr:colOff>
                    <xdr:row>134</xdr:row>
                    <xdr:rowOff>104775</xdr:rowOff>
                  </to>
                </anchor>
              </controlPr>
            </control>
          </mc:Choice>
        </mc:AlternateContent>
        <mc:AlternateContent xmlns:mc="http://schemas.openxmlformats.org/markup-compatibility/2006">
          <mc:Choice Requires="x14">
            <control shapeId="4255" r:id="rId122" name="Check Box 159">
              <controlPr defaultSize="0" autoFill="0" autoLine="0" autoPict="0">
                <anchor moveWithCells="1">
                  <from>
                    <xdr:col>5</xdr:col>
                    <xdr:colOff>161925</xdr:colOff>
                    <xdr:row>202</xdr:row>
                    <xdr:rowOff>190500</xdr:rowOff>
                  </from>
                  <to>
                    <xdr:col>7</xdr:col>
                    <xdr:colOff>495300</xdr:colOff>
                    <xdr:row>204</xdr:row>
                    <xdr:rowOff>66675</xdr:rowOff>
                  </to>
                </anchor>
              </controlPr>
            </control>
          </mc:Choice>
        </mc:AlternateContent>
        <mc:AlternateContent xmlns:mc="http://schemas.openxmlformats.org/markup-compatibility/2006">
          <mc:Choice Requires="x14">
            <control shapeId="4276" r:id="rId123" name="Check Box 180">
              <controlPr defaultSize="0" autoFill="0" autoLine="0" autoPict="0">
                <anchor moveWithCells="1">
                  <from>
                    <xdr:col>5</xdr:col>
                    <xdr:colOff>152400</xdr:colOff>
                    <xdr:row>68</xdr:row>
                    <xdr:rowOff>142875</xdr:rowOff>
                  </from>
                  <to>
                    <xdr:col>6</xdr:col>
                    <xdr:colOff>47625</xdr:colOff>
                    <xdr:row>70</xdr:row>
                    <xdr:rowOff>28575</xdr:rowOff>
                  </to>
                </anchor>
              </controlPr>
            </control>
          </mc:Choice>
        </mc:AlternateContent>
        <mc:AlternateContent xmlns:mc="http://schemas.openxmlformats.org/markup-compatibility/2006">
          <mc:Choice Requires="x14">
            <control shapeId="4277" r:id="rId124" name="Check Box 181">
              <controlPr defaultSize="0" autoFill="0" autoLine="0" autoPict="0">
                <anchor moveWithCells="1">
                  <from>
                    <xdr:col>6</xdr:col>
                    <xdr:colOff>523875</xdr:colOff>
                    <xdr:row>68</xdr:row>
                    <xdr:rowOff>104775</xdr:rowOff>
                  </from>
                  <to>
                    <xdr:col>7</xdr:col>
                    <xdr:colOff>381000</xdr:colOff>
                    <xdr:row>70</xdr:row>
                    <xdr:rowOff>9525</xdr:rowOff>
                  </to>
                </anchor>
              </controlPr>
            </control>
          </mc:Choice>
        </mc:AlternateContent>
        <mc:AlternateContent xmlns:mc="http://schemas.openxmlformats.org/markup-compatibility/2006">
          <mc:Choice Requires="x14">
            <control shapeId="4290" r:id="rId125" name="Check Box 194">
              <controlPr defaultSize="0" autoFill="0" autoLine="0" autoPict="0">
                <anchor moveWithCells="1">
                  <from>
                    <xdr:col>5</xdr:col>
                    <xdr:colOff>161925</xdr:colOff>
                    <xdr:row>206</xdr:row>
                    <xdr:rowOff>38100</xdr:rowOff>
                  </from>
                  <to>
                    <xdr:col>7</xdr:col>
                    <xdr:colOff>495300</xdr:colOff>
                    <xdr:row>207</xdr:row>
                    <xdr:rowOff>142875</xdr:rowOff>
                  </to>
                </anchor>
              </controlPr>
            </control>
          </mc:Choice>
        </mc:AlternateContent>
        <mc:AlternateContent xmlns:mc="http://schemas.openxmlformats.org/markup-compatibility/2006">
          <mc:Choice Requires="x14">
            <control shapeId="4291" r:id="rId126" name="Check Box 195">
              <controlPr defaultSize="0" autoFill="0" autoLine="0" autoPict="0">
                <anchor moveWithCells="1">
                  <from>
                    <xdr:col>5</xdr:col>
                    <xdr:colOff>152400</xdr:colOff>
                    <xdr:row>211</xdr:row>
                    <xdr:rowOff>180975</xdr:rowOff>
                  </from>
                  <to>
                    <xdr:col>7</xdr:col>
                    <xdr:colOff>485775</xdr:colOff>
                    <xdr:row>213</xdr:row>
                    <xdr:rowOff>57150</xdr:rowOff>
                  </to>
                </anchor>
              </controlPr>
            </control>
          </mc:Choice>
        </mc:AlternateContent>
        <mc:AlternateContent xmlns:mc="http://schemas.openxmlformats.org/markup-compatibility/2006">
          <mc:Choice Requires="x14">
            <control shapeId="4292" r:id="rId127" name="Check Box 196">
              <controlPr defaultSize="0" autoFill="0" autoLine="0" autoPict="0">
                <anchor moveWithCells="1">
                  <from>
                    <xdr:col>5</xdr:col>
                    <xdr:colOff>152400</xdr:colOff>
                    <xdr:row>214</xdr:row>
                    <xdr:rowOff>133350</xdr:rowOff>
                  </from>
                  <to>
                    <xdr:col>7</xdr:col>
                    <xdr:colOff>485775</xdr:colOff>
                    <xdr:row>216</xdr:row>
                    <xdr:rowOff>9525</xdr:rowOff>
                  </to>
                </anchor>
              </controlPr>
            </control>
          </mc:Choice>
        </mc:AlternateContent>
        <mc:AlternateContent xmlns:mc="http://schemas.openxmlformats.org/markup-compatibility/2006">
          <mc:Choice Requires="x14">
            <control shapeId="4293" r:id="rId128" name="Check Box 197">
              <controlPr defaultSize="0" autoFill="0" autoLine="0" autoPict="0">
                <anchor moveWithCells="1">
                  <from>
                    <xdr:col>5</xdr:col>
                    <xdr:colOff>171450</xdr:colOff>
                    <xdr:row>275</xdr:row>
                    <xdr:rowOff>28575</xdr:rowOff>
                  </from>
                  <to>
                    <xdr:col>7</xdr:col>
                    <xdr:colOff>504825</xdr:colOff>
                    <xdr:row>276</xdr:row>
                    <xdr:rowOff>133350</xdr:rowOff>
                  </to>
                </anchor>
              </controlPr>
            </control>
          </mc:Choice>
        </mc:AlternateContent>
        <mc:AlternateContent xmlns:mc="http://schemas.openxmlformats.org/markup-compatibility/2006">
          <mc:Choice Requires="x14">
            <control shapeId="4302" r:id="rId129" name="Check Box 206">
              <controlPr defaultSize="0" autoFill="0" autoLine="0" autoPict="0">
                <anchor moveWithCells="1">
                  <from>
                    <xdr:col>5</xdr:col>
                    <xdr:colOff>161925</xdr:colOff>
                    <xdr:row>246</xdr:row>
                    <xdr:rowOff>0</xdr:rowOff>
                  </from>
                  <to>
                    <xdr:col>6</xdr:col>
                    <xdr:colOff>57150</xdr:colOff>
                    <xdr:row>247</xdr:row>
                    <xdr:rowOff>95250</xdr:rowOff>
                  </to>
                </anchor>
              </controlPr>
            </control>
          </mc:Choice>
        </mc:AlternateContent>
        <mc:AlternateContent xmlns:mc="http://schemas.openxmlformats.org/markup-compatibility/2006">
          <mc:Choice Requires="x14">
            <control shapeId="4303" r:id="rId130" name="Check Box 207">
              <controlPr defaultSize="0" autoFill="0" autoLine="0" autoPict="0">
                <anchor moveWithCells="1">
                  <from>
                    <xdr:col>6</xdr:col>
                    <xdr:colOff>523875</xdr:colOff>
                    <xdr:row>245</xdr:row>
                    <xdr:rowOff>171450</xdr:rowOff>
                  </from>
                  <to>
                    <xdr:col>7</xdr:col>
                    <xdr:colOff>390525</xdr:colOff>
                    <xdr:row>247</xdr:row>
                    <xdr:rowOff>95250</xdr:rowOff>
                  </to>
                </anchor>
              </controlPr>
            </control>
          </mc:Choice>
        </mc:AlternateContent>
        <mc:AlternateContent xmlns:mc="http://schemas.openxmlformats.org/markup-compatibility/2006">
          <mc:Choice Requires="x14">
            <control shapeId="4304" r:id="rId131" name="Check Box 208">
              <controlPr defaultSize="0" autoFill="0" autoLine="0" autoPict="0">
                <anchor moveWithCells="1">
                  <from>
                    <xdr:col>5</xdr:col>
                    <xdr:colOff>161925</xdr:colOff>
                    <xdr:row>237</xdr:row>
                    <xdr:rowOff>161925</xdr:rowOff>
                  </from>
                  <to>
                    <xdr:col>6</xdr:col>
                    <xdr:colOff>57150</xdr:colOff>
                    <xdr:row>239</xdr:row>
                    <xdr:rowOff>85725</xdr:rowOff>
                  </to>
                </anchor>
              </controlPr>
            </control>
          </mc:Choice>
        </mc:AlternateContent>
        <mc:AlternateContent xmlns:mc="http://schemas.openxmlformats.org/markup-compatibility/2006">
          <mc:Choice Requires="x14">
            <control shapeId="4305" r:id="rId132" name="Check Box 209">
              <controlPr defaultSize="0" autoFill="0" autoLine="0" autoPict="0">
                <anchor moveWithCells="1">
                  <from>
                    <xdr:col>6</xdr:col>
                    <xdr:colOff>504825</xdr:colOff>
                    <xdr:row>237</xdr:row>
                    <xdr:rowOff>133350</xdr:rowOff>
                  </from>
                  <to>
                    <xdr:col>7</xdr:col>
                    <xdr:colOff>361950</xdr:colOff>
                    <xdr:row>239</xdr:row>
                    <xdr:rowOff>47625</xdr:rowOff>
                  </to>
                </anchor>
              </controlPr>
            </control>
          </mc:Choice>
        </mc:AlternateContent>
        <mc:AlternateContent xmlns:mc="http://schemas.openxmlformats.org/markup-compatibility/2006">
          <mc:Choice Requires="x14">
            <control shapeId="4308" r:id="rId133" name="Check Box 212">
              <controlPr defaultSize="0" autoFill="0" autoLine="0" autoPict="0">
                <anchor moveWithCells="1">
                  <from>
                    <xdr:col>5</xdr:col>
                    <xdr:colOff>161925</xdr:colOff>
                    <xdr:row>236</xdr:row>
                    <xdr:rowOff>0</xdr:rowOff>
                  </from>
                  <to>
                    <xdr:col>6</xdr:col>
                    <xdr:colOff>57150</xdr:colOff>
                    <xdr:row>237</xdr:row>
                    <xdr:rowOff>95250</xdr:rowOff>
                  </to>
                </anchor>
              </controlPr>
            </control>
          </mc:Choice>
        </mc:AlternateContent>
        <mc:AlternateContent xmlns:mc="http://schemas.openxmlformats.org/markup-compatibility/2006">
          <mc:Choice Requires="x14">
            <control shapeId="4309" r:id="rId134" name="Check Box 213">
              <controlPr defaultSize="0" autoFill="0" autoLine="0" autoPict="0">
                <anchor moveWithCells="1">
                  <from>
                    <xdr:col>6</xdr:col>
                    <xdr:colOff>523875</xdr:colOff>
                    <xdr:row>235</xdr:row>
                    <xdr:rowOff>171450</xdr:rowOff>
                  </from>
                  <to>
                    <xdr:col>7</xdr:col>
                    <xdr:colOff>390525</xdr:colOff>
                    <xdr:row>237</xdr:row>
                    <xdr:rowOff>95250</xdr:rowOff>
                  </to>
                </anchor>
              </controlPr>
            </control>
          </mc:Choice>
        </mc:AlternateContent>
        <mc:AlternateContent xmlns:mc="http://schemas.openxmlformats.org/markup-compatibility/2006">
          <mc:Choice Requires="x14">
            <control shapeId="4310" r:id="rId135" name="Check Box 214">
              <controlPr defaultSize="0" autoFill="0" autoLine="0" autoPict="0">
                <anchor moveWithCells="1">
                  <from>
                    <xdr:col>5</xdr:col>
                    <xdr:colOff>171450</xdr:colOff>
                    <xdr:row>231</xdr:row>
                    <xdr:rowOff>133350</xdr:rowOff>
                  </from>
                  <to>
                    <xdr:col>6</xdr:col>
                    <xdr:colOff>66675</xdr:colOff>
                    <xdr:row>233</xdr:row>
                    <xdr:rowOff>57150</xdr:rowOff>
                  </to>
                </anchor>
              </controlPr>
            </control>
          </mc:Choice>
        </mc:AlternateContent>
        <mc:AlternateContent xmlns:mc="http://schemas.openxmlformats.org/markup-compatibility/2006">
          <mc:Choice Requires="x14">
            <control shapeId="4311" r:id="rId136" name="Check Box 215">
              <controlPr defaultSize="0" autoFill="0" autoLine="0" autoPict="0">
                <anchor moveWithCells="1">
                  <from>
                    <xdr:col>6</xdr:col>
                    <xdr:colOff>542925</xdr:colOff>
                    <xdr:row>231</xdr:row>
                    <xdr:rowOff>114300</xdr:rowOff>
                  </from>
                  <to>
                    <xdr:col>7</xdr:col>
                    <xdr:colOff>390525</xdr:colOff>
                    <xdr:row>233</xdr:row>
                    <xdr:rowOff>28575</xdr:rowOff>
                  </to>
                </anchor>
              </controlPr>
            </control>
          </mc:Choice>
        </mc:AlternateContent>
        <mc:AlternateContent xmlns:mc="http://schemas.openxmlformats.org/markup-compatibility/2006">
          <mc:Choice Requires="x14">
            <control shapeId="4312" r:id="rId137" name="Check Box 216">
              <controlPr defaultSize="0" autoFill="0" autoLine="0" autoPict="0">
                <anchor moveWithCells="1">
                  <from>
                    <xdr:col>5</xdr:col>
                    <xdr:colOff>133350</xdr:colOff>
                    <xdr:row>239</xdr:row>
                    <xdr:rowOff>152400</xdr:rowOff>
                  </from>
                  <to>
                    <xdr:col>6</xdr:col>
                    <xdr:colOff>38100</xdr:colOff>
                    <xdr:row>240</xdr:row>
                    <xdr:rowOff>171450</xdr:rowOff>
                  </to>
                </anchor>
              </controlPr>
            </control>
          </mc:Choice>
        </mc:AlternateContent>
        <mc:AlternateContent xmlns:mc="http://schemas.openxmlformats.org/markup-compatibility/2006">
          <mc:Choice Requires="x14">
            <control shapeId="4314" r:id="rId138" name="Check Box 218">
              <controlPr defaultSize="0" autoFill="0" autoLine="0" autoPict="0">
                <anchor moveWithCells="1">
                  <from>
                    <xdr:col>6</xdr:col>
                    <xdr:colOff>476250</xdr:colOff>
                    <xdr:row>239</xdr:row>
                    <xdr:rowOff>190500</xdr:rowOff>
                  </from>
                  <to>
                    <xdr:col>7</xdr:col>
                    <xdr:colOff>323850</xdr:colOff>
                    <xdr:row>240</xdr:row>
                    <xdr:rowOff>209550</xdr:rowOff>
                  </to>
                </anchor>
              </controlPr>
            </control>
          </mc:Choice>
        </mc:AlternateContent>
        <mc:AlternateContent xmlns:mc="http://schemas.openxmlformats.org/markup-compatibility/2006">
          <mc:Choice Requires="x14">
            <control shapeId="4317" r:id="rId139" name="Check Box 221">
              <controlPr defaultSize="0" autoFill="0" autoLine="0" autoPict="0">
                <anchor moveWithCells="1">
                  <from>
                    <xdr:col>5</xdr:col>
                    <xdr:colOff>152400</xdr:colOff>
                    <xdr:row>247</xdr:row>
                    <xdr:rowOff>114300</xdr:rowOff>
                  </from>
                  <to>
                    <xdr:col>7</xdr:col>
                    <xdr:colOff>514350</xdr:colOff>
                    <xdr:row>250</xdr:row>
                    <xdr:rowOff>133350</xdr:rowOff>
                  </to>
                </anchor>
              </controlPr>
            </control>
          </mc:Choice>
        </mc:AlternateContent>
        <mc:AlternateContent xmlns:mc="http://schemas.openxmlformats.org/markup-compatibility/2006">
          <mc:Choice Requires="x14">
            <control shapeId="4324" r:id="rId140" name="Check Box 228">
              <controlPr defaultSize="0" autoFill="0" autoLine="0" autoPict="0">
                <anchor moveWithCells="1">
                  <from>
                    <xdr:col>5</xdr:col>
                    <xdr:colOff>133350</xdr:colOff>
                    <xdr:row>257</xdr:row>
                    <xdr:rowOff>295275</xdr:rowOff>
                  </from>
                  <to>
                    <xdr:col>7</xdr:col>
                    <xdr:colOff>190500</xdr:colOff>
                    <xdr:row>258</xdr:row>
                    <xdr:rowOff>266700</xdr:rowOff>
                  </to>
                </anchor>
              </controlPr>
            </control>
          </mc:Choice>
        </mc:AlternateContent>
        <mc:AlternateContent xmlns:mc="http://schemas.openxmlformats.org/markup-compatibility/2006">
          <mc:Choice Requires="x14">
            <control shapeId="4325" r:id="rId141" name="Check Box 229">
              <controlPr defaultSize="0" autoFill="0" autoLine="0" autoPict="0">
                <anchor moveWithCells="1">
                  <from>
                    <xdr:col>5</xdr:col>
                    <xdr:colOff>152400</xdr:colOff>
                    <xdr:row>304</xdr:row>
                    <xdr:rowOff>85725</xdr:rowOff>
                  </from>
                  <to>
                    <xdr:col>7</xdr:col>
                    <xdr:colOff>276225</xdr:colOff>
                    <xdr:row>305</xdr:row>
                    <xdr:rowOff>171450</xdr:rowOff>
                  </to>
                </anchor>
              </controlPr>
            </control>
          </mc:Choice>
        </mc:AlternateContent>
        <mc:AlternateContent xmlns:mc="http://schemas.openxmlformats.org/markup-compatibility/2006">
          <mc:Choice Requires="x14">
            <control shapeId="4328" r:id="rId142" name="Check Box 232">
              <controlPr defaultSize="0" autoFill="0" autoLine="0" autoPict="0">
                <anchor moveWithCells="1">
                  <from>
                    <xdr:col>5</xdr:col>
                    <xdr:colOff>142875</xdr:colOff>
                    <xdr:row>252</xdr:row>
                    <xdr:rowOff>142875</xdr:rowOff>
                  </from>
                  <to>
                    <xdr:col>6</xdr:col>
                    <xdr:colOff>38100</xdr:colOff>
                    <xdr:row>254</xdr:row>
                    <xdr:rowOff>0</xdr:rowOff>
                  </to>
                </anchor>
              </controlPr>
            </control>
          </mc:Choice>
        </mc:AlternateContent>
        <mc:AlternateContent xmlns:mc="http://schemas.openxmlformats.org/markup-compatibility/2006">
          <mc:Choice Requires="x14">
            <control shapeId="4330" r:id="rId143" name="Check Box 234">
              <controlPr defaultSize="0" autoFill="0" autoLine="0" autoPict="0">
                <anchor moveWithCells="1">
                  <from>
                    <xdr:col>6</xdr:col>
                    <xdr:colOff>466725</xdr:colOff>
                    <xdr:row>252</xdr:row>
                    <xdr:rowOff>142875</xdr:rowOff>
                  </from>
                  <to>
                    <xdr:col>7</xdr:col>
                    <xdr:colOff>323850</xdr:colOff>
                    <xdr:row>253</xdr:row>
                    <xdr:rowOff>228600</xdr:rowOff>
                  </to>
                </anchor>
              </controlPr>
            </control>
          </mc:Choice>
        </mc:AlternateContent>
        <mc:AlternateContent xmlns:mc="http://schemas.openxmlformats.org/markup-compatibility/2006">
          <mc:Choice Requires="x14">
            <control shapeId="4331" r:id="rId144" name="Check Box 235">
              <controlPr defaultSize="0" autoFill="0" autoLine="0" autoPict="0">
                <anchor moveWithCells="1">
                  <from>
                    <xdr:col>5</xdr:col>
                    <xdr:colOff>133350</xdr:colOff>
                    <xdr:row>261</xdr:row>
                    <xdr:rowOff>276225</xdr:rowOff>
                  </from>
                  <to>
                    <xdr:col>6</xdr:col>
                    <xdr:colOff>476250</xdr:colOff>
                    <xdr:row>263</xdr:row>
                    <xdr:rowOff>190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38"/>
  <sheetViews>
    <sheetView showWhiteSpace="0" view="pageBreakPreview" topLeftCell="A16" zoomScaleNormal="100" zoomScaleSheetLayoutView="100" workbookViewId="0">
      <selection activeCell="K15" sqref="K15"/>
    </sheetView>
  </sheetViews>
  <sheetFormatPr defaultRowHeight="12" customHeight="1"/>
  <cols>
    <col min="1" max="3" width="6.625" customWidth="1"/>
    <col min="4" max="4" width="7.25" customWidth="1"/>
    <col min="5" max="6" width="6.625" customWidth="1"/>
    <col min="7" max="7" width="7.25" customWidth="1"/>
    <col min="8" max="11" width="6.625" customWidth="1"/>
    <col min="12" max="12" width="7" customWidth="1"/>
  </cols>
  <sheetData>
    <row r="1" spans="1:12" ht="17.25" customHeight="1">
      <c r="A1" s="115" t="s">
        <v>284</v>
      </c>
      <c r="B1" s="93"/>
      <c r="C1" s="93"/>
      <c r="D1" s="93"/>
      <c r="E1" s="93"/>
      <c r="F1" s="93"/>
      <c r="G1" s="93"/>
      <c r="H1" s="93"/>
      <c r="I1" s="93"/>
      <c r="J1" s="93"/>
      <c r="K1" s="93"/>
      <c r="L1" s="93"/>
    </row>
    <row r="2" spans="1:12" ht="21" customHeight="1">
      <c r="A2" s="19" t="s">
        <v>321</v>
      </c>
      <c r="B2" s="20"/>
      <c r="C2" s="20"/>
      <c r="D2" s="20"/>
      <c r="E2" s="20"/>
      <c r="F2" s="21"/>
      <c r="G2" s="21"/>
      <c r="H2" s="21"/>
      <c r="I2" s="21"/>
      <c r="J2" s="21"/>
      <c r="K2" s="21"/>
      <c r="L2" s="21"/>
    </row>
    <row r="3" spans="1:12" ht="21.75" customHeight="1" thickBot="1">
      <c r="A3" s="653" t="s">
        <v>474</v>
      </c>
      <c r="B3" s="654"/>
      <c r="C3" s="654"/>
      <c r="D3" s="654"/>
      <c r="E3" s="654"/>
      <c r="F3" s="654"/>
      <c r="G3" s="654"/>
      <c r="H3" s="654"/>
      <c r="I3" s="654"/>
      <c r="J3" s="654"/>
      <c r="K3" s="654"/>
      <c r="L3" s="654"/>
    </row>
    <row r="4" spans="1:12" ht="15" customHeight="1">
      <c r="A4" s="655"/>
      <c r="B4" s="656"/>
      <c r="C4" s="657" t="s">
        <v>33</v>
      </c>
      <c r="D4" s="658"/>
      <c r="E4" s="658"/>
      <c r="F4" s="659"/>
      <c r="G4" s="660" t="s">
        <v>112</v>
      </c>
      <c r="H4" s="661"/>
      <c r="I4" s="661"/>
      <c r="J4" s="662"/>
      <c r="K4" s="657" t="s">
        <v>34</v>
      </c>
      <c r="L4" s="663"/>
    </row>
    <row r="5" spans="1:12" ht="31.35" customHeight="1">
      <c r="A5" s="109" t="s">
        <v>35</v>
      </c>
      <c r="B5" s="22"/>
      <c r="C5" s="23"/>
      <c r="D5" s="3"/>
      <c r="E5" s="3"/>
      <c r="F5" s="24"/>
      <c r="G5" s="3"/>
      <c r="H5" s="3"/>
      <c r="I5" s="3"/>
      <c r="J5" s="114"/>
      <c r="K5" s="25" t="s">
        <v>33</v>
      </c>
      <c r="L5" s="94" t="s">
        <v>218</v>
      </c>
    </row>
    <row r="6" spans="1:12" ht="15" customHeight="1">
      <c r="A6" s="670" t="s">
        <v>36</v>
      </c>
      <c r="B6" s="671"/>
      <c r="C6" s="683"/>
      <c r="D6" s="683"/>
      <c r="E6" s="683"/>
      <c r="F6" s="684"/>
      <c r="G6" s="664"/>
      <c r="H6" s="664"/>
      <c r="I6" s="664"/>
      <c r="J6" s="666"/>
      <c r="K6" s="668" t="s">
        <v>37</v>
      </c>
      <c r="L6" s="669"/>
    </row>
    <row r="7" spans="1:12" ht="15" customHeight="1">
      <c r="A7" s="681"/>
      <c r="B7" s="682"/>
      <c r="C7" s="665"/>
      <c r="D7" s="665"/>
      <c r="E7" s="665"/>
      <c r="F7" s="685"/>
      <c r="G7" s="665"/>
      <c r="H7" s="665"/>
      <c r="I7" s="665"/>
      <c r="J7" s="667"/>
      <c r="K7" s="26"/>
      <c r="L7" s="27"/>
    </row>
    <row r="8" spans="1:12" ht="16.5" customHeight="1">
      <c r="A8" s="109" t="s">
        <v>38</v>
      </c>
      <c r="B8" s="22"/>
      <c r="C8" s="28"/>
      <c r="D8" s="29"/>
      <c r="E8" s="29"/>
      <c r="F8" s="30"/>
      <c r="G8" s="29"/>
      <c r="H8" s="29"/>
      <c r="I8" s="29"/>
      <c r="J8" s="30"/>
      <c r="K8" s="29"/>
      <c r="L8" s="31"/>
    </row>
    <row r="9" spans="1:12" ht="16.5" customHeight="1">
      <c r="A9" s="109" t="s">
        <v>39</v>
      </c>
      <c r="B9" s="22"/>
      <c r="C9" s="32" t="s">
        <v>40</v>
      </c>
      <c r="D9" s="32" t="s">
        <v>40</v>
      </c>
      <c r="E9" s="32" t="s">
        <v>40</v>
      </c>
      <c r="F9" s="32" t="s">
        <v>40</v>
      </c>
      <c r="G9" s="32" t="s">
        <v>40</v>
      </c>
      <c r="H9" s="32" t="s">
        <v>40</v>
      </c>
      <c r="I9" s="32" t="s">
        <v>40</v>
      </c>
      <c r="J9" s="32" t="s">
        <v>40</v>
      </c>
      <c r="K9" s="32" t="s">
        <v>40</v>
      </c>
      <c r="L9" s="33" t="s">
        <v>40</v>
      </c>
    </row>
    <row r="10" spans="1:12" ht="16.5" customHeight="1">
      <c r="A10" s="109" t="s">
        <v>41</v>
      </c>
      <c r="B10" s="22"/>
      <c r="C10" s="34" t="s">
        <v>40</v>
      </c>
      <c r="D10" s="34" t="s">
        <v>40</v>
      </c>
      <c r="E10" s="34" t="s">
        <v>40</v>
      </c>
      <c r="F10" s="34" t="s">
        <v>40</v>
      </c>
      <c r="G10" s="34" t="s">
        <v>40</v>
      </c>
      <c r="H10" s="34" t="s">
        <v>40</v>
      </c>
      <c r="I10" s="34" t="s">
        <v>40</v>
      </c>
      <c r="J10" s="34" t="s">
        <v>40</v>
      </c>
      <c r="K10" s="34" t="s">
        <v>40</v>
      </c>
      <c r="L10" s="35" t="s">
        <v>40</v>
      </c>
    </row>
    <row r="11" spans="1:12" ht="16.5" customHeight="1">
      <c r="A11" s="670" t="s">
        <v>42</v>
      </c>
      <c r="B11" s="671"/>
      <c r="C11" s="36"/>
      <c r="D11" s="37"/>
      <c r="E11" s="37"/>
      <c r="F11" s="37"/>
      <c r="G11" s="37"/>
      <c r="H11" s="37"/>
      <c r="I11" s="37"/>
      <c r="J11" s="37"/>
      <c r="K11" s="37"/>
      <c r="L11" s="38"/>
    </row>
    <row r="12" spans="1:12" ht="16.5" customHeight="1" thickBot="1">
      <c r="A12" s="672"/>
      <c r="B12" s="673"/>
      <c r="C12" s="10"/>
      <c r="D12" s="4"/>
      <c r="E12" s="4"/>
      <c r="F12" s="4"/>
      <c r="G12" s="4"/>
      <c r="H12" s="4"/>
      <c r="I12" s="4"/>
      <c r="J12" s="4"/>
      <c r="K12" s="4"/>
      <c r="L12" s="5"/>
    </row>
    <row r="13" spans="1:12" ht="15" customHeight="1">
      <c r="A13" s="110"/>
      <c r="B13" s="110"/>
      <c r="C13" s="113"/>
      <c r="D13" s="113"/>
      <c r="E13" s="113"/>
      <c r="F13" s="113"/>
      <c r="G13" s="113"/>
      <c r="H13" s="113"/>
      <c r="I13" s="113"/>
      <c r="J13" s="113"/>
      <c r="K13" s="113"/>
      <c r="L13" s="113"/>
    </row>
    <row r="14" spans="1:12" ht="15" customHeight="1">
      <c r="A14" s="113" t="s">
        <v>322</v>
      </c>
      <c r="B14" s="79"/>
      <c r="C14" s="79"/>
      <c r="D14" s="39"/>
      <c r="E14" s="79"/>
      <c r="F14" s="79"/>
      <c r="G14" s="79"/>
      <c r="H14" s="79"/>
      <c r="I14" s="79"/>
      <c r="J14" s="79"/>
      <c r="K14" s="79"/>
      <c r="L14" s="79"/>
    </row>
    <row r="15" spans="1:12" ht="15" customHeight="1" thickBot="1">
      <c r="A15" s="97" t="s">
        <v>475</v>
      </c>
      <c r="B15" s="97"/>
      <c r="C15" s="97"/>
      <c r="D15" s="97"/>
      <c r="E15" s="97"/>
      <c r="F15" s="97"/>
      <c r="G15" s="97"/>
      <c r="H15" s="97"/>
      <c r="I15" s="97"/>
      <c r="J15" s="97"/>
      <c r="K15" s="97"/>
      <c r="L15" s="39"/>
    </row>
    <row r="16" spans="1:12" ht="15" customHeight="1">
      <c r="A16" s="677" t="s">
        <v>43</v>
      </c>
      <c r="B16" s="678"/>
      <c r="C16" s="679" t="s">
        <v>217</v>
      </c>
      <c r="D16" s="680"/>
      <c r="E16" s="680"/>
      <c r="F16" s="680"/>
      <c r="G16" s="680"/>
      <c r="H16" s="680"/>
      <c r="I16" s="106" t="s">
        <v>161</v>
      </c>
      <c r="J16" s="106" t="s">
        <v>44</v>
      </c>
      <c r="K16" s="40"/>
      <c r="L16" s="39"/>
    </row>
    <row r="17" spans="1:15" ht="15" customHeight="1">
      <c r="A17" s="674" t="s">
        <v>45</v>
      </c>
      <c r="B17" s="468"/>
      <c r="C17" s="675" t="s">
        <v>162</v>
      </c>
      <c r="D17" s="676"/>
      <c r="E17" s="676"/>
      <c r="F17" s="676"/>
      <c r="G17" s="676"/>
      <c r="H17" s="676"/>
      <c r="I17" s="676"/>
      <c r="J17" s="676"/>
      <c r="K17" s="18" t="s">
        <v>163</v>
      </c>
      <c r="L17" s="39"/>
    </row>
    <row r="18" spans="1:15" ht="15" customHeight="1">
      <c r="A18" s="674" t="s">
        <v>46</v>
      </c>
      <c r="B18" s="469"/>
      <c r="C18" s="103" t="s">
        <v>288</v>
      </c>
      <c r="D18" s="104"/>
      <c r="E18" s="104"/>
      <c r="F18" s="104"/>
      <c r="G18" s="104"/>
      <c r="H18" s="105"/>
      <c r="I18" s="105"/>
      <c r="J18" s="22"/>
      <c r="K18" s="41"/>
      <c r="L18" s="39"/>
    </row>
    <row r="19" spans="1:15" ht="15" customHeight="1">
      <c r="A19" s="42" t="s">
        <v>47</v>
      </c>
      <c r="B19" s="43"/>
      <c r="C19" s="43"/>
      <c r="D19" s="43"/>
      <c r="E19" s="43"/>
      <c r="F19" s="43"/>
      <c r="G19" s="43"/>
      <c r="H19" s="113"/>
      <c r="I19" s="113"/>
      <c r="J19" s="113"/>
      <c r="K19" s="9"/>
      <c r="L19" s="39"/>
    </row>
    <row r="20" spans="1:15" ht="50.25" customHeight="1" thickBot="1">
      <c r="A20" s="686"/>
      <c r="B20" s="687"/>
      <c r="C20" s="687"/>
      <c r="D20" s="687"/>
      <c r="E20" s="687"/>
      <c r="F20" s="687"/>
      <c r="G20" s="687"/>
      <c r="H20" s="687"/>
      <c r="I20" s="687"/>
      <c r="J20" s="687"/>
      <c r="K20" s="688"/>
      <c r="L20" s="39"/>
    </row>
    <row r="21" spans="1:15" ht="15" customHeight="1">
      <c r="A21" s="44"/>
      <c r="B21" s="44"/>
      <c r="C21" s="44"/>
      <c r="D21" s="44"/>
      <c r="E21" s="44"/>
      <c r="F21" s="44"/>
      <c r="G21" s="44"/>
      <c r="H21" s="44"/>
      <c r="I21" s="44"/>
      <c r="J21" s="44"/>
      <c r="K21" s="44"/>
      <c r="L21" s="39"/>
    </row>
    <row r="22" spans="1:15" ht="18" customHeight="1">
      <c r="A22" s="689" t="s">
        <v>323</v>
      </c>
      <c r="B22" s="689"/>
      <c r="C22" s="689"/>
      <c r="D22" s="44"/>
      <c r="E22" s="44"/>
      <c r="F22" s="44"/>
      <c r="G22" s="44"/>
      <c r="H22" s="44"/>
      <c r="I22" s="44"/>
      <c r="J22" s="44"/>
      <c r="K22" s="44"/>
      <c r="L22" s="39"/>
      <c r="O22" s="1"/>
    </row>
    <row r="23" spans="1:15" ht="15" customHeight="1">
      <c r="A23" s="116" t="s">
        <v>477</v>
      </c>
      <c r="B23" s="93"/>
      <c r="C23" s="93"/>
      <c r="D23" s="93"/>
      <c r="E23" s="93"/>
      <c r="F23" s="93"/>
      <c r="G23" s="93"/>
      <c r="H23" s="93"/>
      <c r="I23" s="93"/>
      <c r="J23" s="93"/>
      <c r="K23" s="93"/>
      <c r="L23" s="93"/>
    </row>
    <row r="24" spans="1:15" ht="15" customHeight="1" thickBot="1">
      <c r="A24" s="112" t="s">
        <v>478</v>
      </c>
      <c r="B24" s="112"/>
      <c r="C24" s="112"/>
      <c r="D24" s="112"/>
      <c r="E24" s="112"/>
      <c r="F24" s="112"/>
      <c r="G24" s="112"/>
      <c r="H24" s="112"/>
      <c r="I24" s="112"/>
      <c r="J24" s="112"/>
      <c r="K24" s="112"/>
      <c r="L24" s="112"/>
    </row>
    <row r="25" spans="1:15" ht="15.75" customHeight="1">
      <c r="A25" s="690"/>
      <c r="B25" s="691"/>
      <c r="C25" s="657" t="s">
        <v>48</v>
      </c>
      <c r="D25" s="692"/>
      <c r="E25" s="692"/>
      <c r="F25" s="693"/>
      <c r="G25" s="692"/>
      <c r="H25" s="694"/>
      <c r="I25" s="47" t="s">
        <v>49</v>
      </c>
      <c r="J25" s="45" t="s">
        <v>50</v>
      </c>
      <c r="K25" s="695"/>
      <c r="L25" s="696"/>
    </row>
    <row r="26" spans="1:15" ht="18.75" customHeight="1" thickBot="1">
      <c r="A26" s="707" t="s">
        <v>51</v>
      </c>
      <c r="B26" s="708"/>
      <c r="C26" s="709" t="s">
        <v>216</v>
      </c>
      <c r="D26" s="710"/>
      <c r="E26" s="710"/>
      <c r="F26" s="710"/>
      <c r="G26" s="710"/>
      <c r="H26" s="711"/>
      <c r="I26" s="46"/>
      <c r="J26" s="107" t="s">
        <v>52</v>
      </c>
      <c r="K26" s="712" t="s">
        <v>53</v>
      </c>
      <c r="L26" s="713"/>
    </row>
    <row r="27" spans="1:15" ht="15" customHeight="1">
      <c r="A27" s="93"/>
      <c r="B27" s="93"/>
      <c r="C27" s="93"/>
      <c r="D27" s="93"/>
      <c r="E27" s="93"/>
      <c r="F27" s="93"/>
      <c r="G27" s="93"/>
      <c r="H27" s="93"/>
      <c r="I27" s="93"/>
      <c r="J27" s="93"/>
      <c r="K27" s="93"/>
      <c r="L27" s="93"/>
    </row>
    <row r="28" spans="1:15" ht="15" customHeight="1">
      <c r="A28" s="108" t="s">
        <v>324</v>
      </c>
      <c r="B28" s="93"/>
      <c r="C28" s="93"/>
      <c r="D28" s="93"/>
      <c r="E28" s="93"/>
      <c r="F28" s="93"/>
      <c r="G28" s="93"/>
      <c r="H28" s="93"/>
      <c r="I28" s="93"/>
      <c r="J28" s="93"/>
      <c r="K28" s="93"/>
      <c r="L28" s="93"/>
    </row>
    <row r="29" spans="1:15" ht="15" customHeight="1" thickBot="1">
      <c r="A29" s="714" t="s">
        <v>476</v>
      </c>
      <c r="B29" s="714"/>
      <c r="C29" s="714"/>
      <c r="D29" s="714"/>
      <c r="E29" s="714"/>
      <c r="F29" s="714"/>
      <c r="G29" s="97"/>
      <c r="H29" s="97"/>
      <c r="I29" s="97"/>
      <c r="J29" s="97"/>
      <c r="K29" s="97"/>
      <c r="L29" s="93"/>
    </row>
    <row r="30" spans="1:15" ht="17.25" customHeight="1">
      <c r="A30" s="48" t="s">
        <v>54</v>
      </c>
      <c r="B30" s="82"/>
      <c r="C30" s="82"/>
      <c r="D30" s="82"/>
      <c r="E30" s="7"/>
      <c r="F30" s="7"/>
      <c r="G30" s="7"/>
      <c r="H30" s="7"/>
      <c r="I30" s="7"/>
      <c r="J30" s="7"/>
      <c r="K30" s="8"/>
      <c r="L30" s="93"/>
    </row>
    <row r="31" spans="1:15" ht="17.25" customHeight="1">
      <c r="A31" s="111" t="s">
        <v>55</v>
      </c>
      <c r="B31" s="108"/>
      <c r="C31" s="108"/>
      <c r="D31" s="108"/>
      <c r="E31" s="108"/>
      <c r="F31" s="108"/>
      <c r="G31" s="108"/>
      <c r="H31" s="113"/>
      <c r="I31" s="113"/>
      <c r="J31" s="113"/>
      <c r="K31" s="9"/>
      <c r="L31" s="93"/>
    </row>
    <row r="32" spans="1:15" ht="15" customHeight="1">
      <c r="A32" s="697" t="s">
        <v>56</v>
      </c>
      <c r="B32" s="715"/>
      <c r="C32" s="49" t="s">
        <v>57</v>
      </c>
      <c r="D32" s="6"/>
      <c r="E32" s="6"/>
      <c r="F32" s="6"/>
      <c r="G32" s="6"/>
      <c r="H32" s="6"/>
      <c r="I32" s="6"/>
      <c r="J32" s="6"/>
      <c r="K32" s="50"/>
      <c r="L32" s="93"/>
    </row>
    <row r="33" spans="1:12" ht="27.75" customHeight="1">
      <c r="A33" s="698"/>
      <c r="B33" s="716"/>
      <c r="C33" s="701"/>
      <c r="D33" s="719"/>
      <c r="E33" s="719"/>
      <c r="F33" s="719"/>
      <c r="G33" s="719"/>
      <c r="H33" s="719"/>
      <c r="I33" s="719"/>
      <c r="J33" s="719"/>
      <c r="K33" s="703"/>
      <c r="L33" s="93"/>
    </row>
    <row r="34" spans="1:12" ht="27.75" customHeight="1">
      <c r="A34" s="717"/>
      <c r="B34" s="718"/>
      <c r="C34" s="720"/>
      <c r="D34" s="721"/>
      <c r="E34" s="721"/>
      <c r="F34" s="721"/>
      <c r="G34" s="721"/>
      <c r="H34" s="721"/>
      <c r="I34" s="721"/>
      <c r="J34" s="721"/>
      <c r="K34" s="722"/>
      <c r="L34" s="93"/>
    </row>
    <row r="35" spans="1:12" ht="15" customHeight="1">
      <c r="A35" s="697" t="s">
        <v>58</v>
      </c>
      <c r="B35" s="503"/>
      <c r="C35" s="51" t="s">
        <v>59</v>
      </c>
      <c r="D35" s="113"/>
      <c r="E35" s="113"/>
      <c r="F35" s="113"/>
      <c r="G35" s="113"/>
      <c r="H35" s="113"/>
      <c r="I35" s="113"/>
      <c r="J35" s="113"/>
      <c r="K35" s="9"/>
      <c r="L35" s="93"/>
    </row>
    <row r="36" spans="1:12" ht="26.25" customHeight="1">
      <c r="A36" s="698"/>
      <c r="B36" s="505"/>
      <c r="C36" s="701"/>
      <c r="D36" s="702"/>
      <c r="E36" s="702"/>
      <c r="F36" s="702"/>
      <c r="G36" s="702"/>
      <c r="H36" s="702"/>
      <c r="I36" s="702"/>
      <c r="J36" s="702"/>
      <c r="K36" s="703"/>
      <c r="L36" s="93"/>
    </row>
    <row r="37" spans="1:12" ht="26.25" customHeight="1" thickBot="1">
      <c r="A37" s="699"/>
      <c r="B37" s="700"/>
      <c r="C37" s="704"/>
      <c r="D37" s="705"/>
      <c r="E37" s="705"/>
      <c r="F37" s="705"/>
      <c r="G37" s="705"/>
      <c r="H37" s="705"/>
      <c r="I37" s="705"/>
      <c r="J37" s="705"/>
      <c r="K37" s="706"/>
      <c r="L37" s="93"/>
    </row>
    <row r="38" spans="1:12" ht="15" customHeight="1"/>
  </sheetData>
  <mergeCells count="34">
    <mergeCell ref="A35:B37"/>
    <mergeCell ref="C36:K37"/>
    <mergeCell ref="A26:B26"/>
    <mergeCell ref="C26:H26"/>
    <mergeCell ref="K26:L26"/>
    <mergeCell ref="A29:F29"/>
    <mergeCell ref="A32:B34"/>
    <mergeCell ref="C33:K34"/>
    <mergeCell ref="A18:B18"/>
    <mergeCell ref="A20:K20"/>
    <mergeCell ref="A22:C22"/>
    <mergeCell ref="A25:B25"/>
    <mergeCell ref="C25:H25"/>
    <mergeCell ref="K25:L25"/>
    <mergeCell ref="I6:I7"/>
    <mergeCell ref="J6:J7"/>
    <mergeCell ref="K6:L6"/>
    <mergeCell ref="A11:B12"/>
    <mergeCell ref="A17:B17"/>
    <mergeCell ref="C17:J17"/>
    <mergeCell ref="A16:B16"/>
    <mergeCell ref="C16:H16"/>
    <mergeCell ref="A6:B7"/>
    <mergeCell ref="C6:C7"/>
    <mergeCell ref="D6:D7"/>
    <mergeCell ref="E6:E7"/>
    <mergeCell ref="F6:F7"/>
    <mergeCell ref="G6:G7"/>
    <mergeCell ref="H6:H7"/>
    <mergeCell ref="A3:L3"/>
    <mergeCell ref="A4:B4"/>
    <mergeCell ref="C4:F4"/>
    <mergeCell ref="G4:J4"/>
    <mergeCell ref="K4:L4"/>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4"/>
  <sheetViews>
    <sheetView view="pageBreakPreview" zoomScaleNormal="100" zoomScaleSheetLayoutView="100" workbookViewId="0">
      <selection activeCell="K15" sqref="K15"/>
    </sheetView>
  </sheetViews>
  <sheetFormatPr defaultColWidth="8.125" defaultRowHeight="14.25"/>
  <cols>
    <col min="1" max="1" width="11.375" style="11" customWidth="1"/>
    <col min="2" max="2" width="9.25" style="11" customWidth="1"/>
    <col min="3" max="5" width="7.75" style="11" customWidth="1"/>
    <col min="6" max="6" width="5.375" style="11" customWidth="1"/>
    <col min="7" max="12" width="5.25" style="11" customWidth="1"/>
    <col min="13" max="256" width="8.125" style="11"/>
    <col min="257" max="257" width="11.375" style="11" customWidth="1"/>
    <col min="258" max="261" width="7.75" style="11" customWidth="1"/>
    <col min="262" max="262" width="5.375" style="11" customWidth="1"/>
    <col min="263" max="268" width="5.25" style="11" customWidth="1"/>
    <col min="269" max="512" width="8.125" style="11"/>
    <col min="513" max="513" width="11.375" style="11" customWidth="1"/>
    <col min="514" max="517" width="7.75" style="11" customWidth="1"/>
    <col min="518" max="518" width="5.375" style="11" customWidth="1"/>
    <col min="519" max="524" width="5.25" style="11" customWidth="1"/>
    <col min="525" max="768" width="8.125" style="11"/>
    <col min="769" max="769" width="11.375" style="11" customWidth="1"/>
    <col min="770" max="773" width="7.75" style="11" customWidth="1"/>
    <col min="774" max="774" width="5.375" style="11" customWidth="1"/>
    <col min="775" max="780" width="5.25" style="11" customWidth="1"/>
    <col min="781" max="1024" width="8.125" style="11"/>
    <col min="1025" max="1025" width="11.375" style="11" customWidth="1"/>
    <col min="1026" max="1029" width="7.75" style="11" customWidth="1"/>
    <col min="1030" max="1030" width="5.375" style="11" customWidth="1"/>
    <col min="1031" max="1036" width="5.25" style="11" customWidth="1"/>
    <col min="1037" max="1280" width="8.125" style="11"/>
    <col min="1281" max="1281" width="11.375" style="11" customWidth="1"/>
    <col min="1282" max="1285" width="7.75" style="11" customWidth="1"/>
    <col min="1286" max="1286" width="5.375" style="11" customWidth="1"/>
    <col min="1287" max="1292" width="5.25" style="11" customWidth="1"/>
    <col min="1293" max="1536" width="8.125" style="11"/>
    <col min="1537" max="1537" width="11.375" style="11" customWidth="1"/>
    <col min="1538" max="1541" width="7.75" style="11" customWidth="1"/>
    <col min="1542" max="1542" width="5.375" style="11" customWidth="1"/>
    <col min="1543" max="1548" width="5.25" style="11" customWidth="1"/>
    <col min="1549" max="1792" width="8.125" style="11"/>
    <col min="1793" max="1793" width="11.375" style="11" customWidth="1"/>
    <col min="1794" max="1797" width="7.75" style="11" customWidth="1"/>
    <col min="1798" max="1798" width="5.375" style="11" customWidth="1"/>
    <col min="1799" max="1804" width="5.25" style="11" customWidth="1"/>
    <col min="1805" max="2048" width="8.125" style="11"/>
    <col min="2049" max="2049" width="11.375" style="11" customWidth="1"/>
    <col min="2050" max="2053" width="7.75" style="11" customWidth="1"/>
    <col min="2054" max="2054" width="5.375" style="11" customWidth="1"/>
    <col min="2055" max="2060" width="5.25" style="11" customWidth="1"/>
    <col min="2061" max="2304" width="8.125" style="11"/>
    <col min="2305" max="2305" width="11.375" style="11" customWidth="1"/>
    <col min="2306" max="2309" width="7.75" style="11" customWidth="1"/>
    <col min="2310" max="2310" width="5.375" style="11" customWidth="1"/>
    <col min="2311" max="2316" width="5.25" style="11" customWidth="1"/>
    <col min="2317" max="2560" width="8.125" style="11"/>
    <col min="2561" max="2561" width="11.375" style="11" customWidth="1"/>
    <col min="2562" max="2565" width="7.75" style="11" customWidth="1"/>
    <col min="2566" max="2566" width="5.375" style="11" customWidth="1"/>
    <col min="2567" max="2572" width="5.25" style="11" customWidth="1"/>
    <col min="2573" max="2816" width="8.125" style="11"/>
    <col min="2817" max="2817" width="11.375" style="11" customWidth="1"/>
    <col min="2818" max="2821" width="7.75" style="11" customWidth="1"/>
    <col min="2822" max="2822" width="5.375" style="11" customWidth="1"/>
    <col min="2823" max="2828" width="5.25" style="11" customWidth="1"/>
    <col min="2829" max="3072" width="8.125" style="11"/>
    <col min="3073" max="3073" width="11.375" style="11" customWidth="1"/>
    <col min="3074" max="3077" width="7.75" style="11" customWidth="1"/>
    <col min="3078" max="3078" width="5.375" style="11" customWidth="1"/>
    <col min="3079" max="3084" width="5.25" style="11" customWidth="1"/>
    <col min="3085" max="3328" width="8.125" style="11"/>
    <col min="3329" max="3329" width="11.375" style="11" customWidth="1"/>
    <col min="3330" max="3333" width="7.75" style="11" customWidth="1"/>
    <col min="3334" max="3334" width="5.375" style="11" customWidth="1"/>
    <col min="3335" max="3340" width="5.25" style="11" customWidth="1"/>
    <col min="3341" max="3584" width="8.125" style="11"/>
    <col min="3585" max="3585" width="11.375" style="11" customWidth="1"/>
    <col min="3586" max="3589" width="7.75" style="11" customWidth="1"/>
    <col min="3590" max="3590" width="5.375" style="11" customWidth="1"/>
    <col min="3591" max="3596" width="5.25" style="11" customWidth="1"/>
    <col min="3597" max="3840" width="8.125" style="11"/>
    <col min="3841" max="3841" width="11.375" style="11" customWidth="1"/>
    <col min="3842" max="3845" width="7.75" style="11" customWidth="1"/>
    <col min="3846" max="3846" width="5.375" style="11" customWidth="1"/>
    <col min="3847" max="3852" width="5.25" style="11" customWidth="1"/>
    <col min="3853" max="4096" width="8.125" style="11"/>
    <col min="4097" max="4097" width="11.375" style="11" customWidth="1"/>
    <col min="4098" max="4101" width="7.75" style="11" customWidth="1"/>
    <col min="4102" max="4102" width="5.375" style="11" customWidth="1"/>
    <col min="4103" max="4108" width="5.25" style="11" customWidth="1"/>
    <col min="4109" max="4352" width="8.125" style="11"/>
    <col min="4353" max="4353" width="11.375" style="11" customWidth="1"/>
    <col min="4354" max="4357" width="7.75" style="11" customWidth="1"/>
    <col min="4358" max="4358" width="5.375" style="11" customWidth="1"/>
    <col min="4359" max="4364" width="5.25" style="11" customWidth="1"/>
    <col min="4365" max="4608" width="8.125" style="11"/>
    <col min="4609" max="4609" width="11.375" style="11" customWidth="1"/>
    <col min="4610" max="4613" width="7.75" style="11" customWidth="1"/>
    <col min="4614" max="4614" width="5.375" style="11" customWidth="1"/>
    <col min="4615" max="4620" width="5.25" style="11" customWidth="1"/>
    <col min="4621" max="4864" width="8.125" style="11"/>
    <col min="4865" max="4865" width="11.375" style="11" customWidth="1"/>
    <col min="4866" max="4869" width="7.75" style="11" customWidth="1"/>
    <col min="4870" max="4870" width="5.375" style="11" customWidth="1"/>
    <col min="4871" max="4876" width="5.25" style="11" customWidth="1"/>
    <col min="4877" max="5120" width="8.125" style="11"/>
    <col min="5121" max="5121" width="11.375" style="11" customWidth="1"/>
    <col min="5122" max="5125" width="7.75" style="11" customWidth="1"/>
    <col min="5126" max="5126" width="5.375" style="11" customWidth="1"/>
    <col min="5127" max="5132" width="5.25" style="11" customWidth="1"/>
    <col min="5133" max="5376" width="8.125" style="11"/>
    <col min="5377" max="5377" width="11.375" style="11" customWidth="1"/>
    <col min="5378" max="5381" width="7.75" style="11" customWidth="1"/>
    <col min="5382" max="5382" width="5.375" style="11" customWidth="1"/>
    <col min="5383" max="5388" width="5.25" style="11" customWidth="1"/>
    <col min="5389" max="5632" width="8.125" style="11"/>
    <col min="5633" max="5633" width="11.375" style="11" customWidth="1"/>
    <col min="5634" max="5637" width="7.75" style="11" customWidth="1"/>
    <col min="5638" max="5638" width="5.375" style="11" customWidth="1"/>
    <col min="5639" max="5644" width="5.25" style="11" customWidth="1"/>
    <col min="5645" max="5888" width="8.125" style="11"/>
    <col min="5889" max="5889" width="11.375" style="11" customWidth="1"/>
    <col min="5890" max="5893" width="7.75" style="11" customWidth="1"/>
    <col min="5894" max="5894" width="5.375" style="11" customWidth="1"/>
    <col min="5895" max="5900" width="5.25" style="11" customWidth="1"/>
    <col min="5901" max="6144" width="8.125" style="11"/>
    <col min="6145" max="6145" width="11.375" style="11" customWidth="1"/>
    <col min="6146" max="6149" width="7.75" style="11" customWidth="1"/>
    <col min="6150" max="6150" width="5.375" style="11" customWidth="1"/>
    <col min="6151" max="6156" width="5.25" style="11" customWidth="1"/>
    <col min="6157" max="6400" width="8.125" style="11"/>
    <col min="6401" max="6401" width="11.375" style="11" customWidth="1"/>
    <col min="6402" max="6405" width="7.75" style="11" customWidth="1"/>
    <col min="6406" max="6406" width="5.375" style="11" customWidth="1"/>
    <col min="6407" max="6412" width="5.25" style="11" customWidth="1"/>
    <col min="6413" max="6656" width="8.125" style="11"/>
    <col min="6657" max="6657" width="11.375" style="11" customWidth="1"/>
    <col min="6658" max="6661" width="7.75" style="11" customWidth="1"/>
    <col min="6662" max="6662" width="5.375" style="11" customWidth="1"/>
    <col min="6663" max="6668" width="5.25" style="11" customWidth="1"/>
    <col min="6669" max="6912" width="8.125" style="11"/>
    <col min="6913" max="6913" width="11.375" style="11" customWidth="1"/>
    <col min="6914" max="6917" width="7.75" style="11" customWidth="1"/>
    <col min="6918" max="6918" width="5.375" style="11" customWidth="1"/>
    <col min="6919" max="6924" width="5.25" style="11" customWidth="1"/>
    <col min="6925" max="7168" width="8.125" style="11"/>
    <col min="7169" max="7169" width="11.375" style="11" customWidth="1"/>
    <col min="7170" max="7173" width="7.75" style="11" customWidth="1"/>
    <col min="7174" max="7174" width="5.375" style="11" customWidth="1"/>
    <col min="7175" max="7180" width="5.25" style="11" customWidth="1"/>
    <col min="7181" max="7424" width="8.125" style="11"/>
    <col min="7425" max="7425" width="11.375" style="11" customWidth="1"/>
    <col min="7426" max="7429" width="7.75" style="11" customWidth="1"/>
    <col min="7430" max="7430" width="5.375" style="11" customWidth="1"/>
    <col min="7431" max="7436" width="5.25" style="11" customWidth="1"/>
    <col min="7437" max="7680" width="8.125" style="11"/>
    <col min="7681" max="7681" width="11.375" style="11" customWidth="1"/>
    <col min="7682" max="7685" width="7.75" style="11" customWidth="1"/>
    <col min="7686" max="7686" width="5.375" style="11" customWidth="1"/>
    <col min="7687" max="7692" width="5.25" style="11" customWidth="1"/>
    <col min="7693" max="7936" width="8.125" style="11"/>
    <col min="7937" max="7937" width="11.375" style="11" customWidth="1"/>
    <col min="7938" max="7941" width="7.75" style="11" customWidth="1"/>
    <col min="7942" max="7942" width="5.375" style="11" customWidth="1"/>
    <col min="7943" max="7948" width="5.25" style="11" customWidth="1"/>
    <col min="7949" max="8192" width="8.125" style="11"/>
    <col min="8193" max="8193" width="11.375" style="11" customWidth="1"/>
    <col min="8194" max="8197" width="7.75" style="11" customWidth="1"/>
    <col min="8198" max="8198" width="5.375" style="11" customWidth="1"/>
    <col min="8199" max="8204" width="5.25" style="11" customWidth="1"/>
    <col min="8205" max="8448" width="8.125" style="11"/>
    <col min="8449" max="8449" width="11.375" style="11" customWidth="1"/>
    <col min="8450" max="8453" width="7.75" style="11" customWidth="1"/>
    <col min="8454" max="8454" width="5.375" style="11" customWidth="1"/>
    <col min="8455" max="8460" width="5.25" style="11" customWidth="1"/>
    <col min="8461" max="8704" width="8.125" style="11"/>
    <col min="8705" max="8705" width="11.375" style="11" customWidth="1"/>
    <col min="8706" max="8709" width="7.75" style="11" customWidth="1"/>
    <col min="8710" max="8710" width="5.375" style="11" customWidth="1"/>
    <col min="8711" max="8716" width="5.25" style="11" customWidth="1"/>
    <col min="8717" max="8960" width="8.125" style="11"/>
    <col min="8961" max="8961" width="11.375" style="11" customWidth="1"/>
    <col min="8962" max="8965" width="7.75" style="11" customWidth="1"/>
    <col min="8966" max="8966" width="5.375" style="11" customWidth="1"/>
    <col min="8967" max="8972" width="5.25" style="11" customWidth="1"/>
    <col min="8973" max="9216" width="8.125" style="11"/>
    <col min="9217" max="9217" width="11.375" style="11" customWidth="1"/>
    <col min="9218" max="9221" width="7.75" style="11" customWidth="1"/>
    <col min="9222" max="9222" width="5.375" style="11" customWidth="1"/>
    <col min="9223" max="9228" width="5.25" style="11" customWidth="1"/>
    <col min="9229" max="9472" width="8.125" style="11"/>
    <col min="9473" max="9473" width="11.375" style="11" customWidth="1"/>
    <col min="9474" max="9477" width="7.75" style="11" customWidth="1"/>
    <col min="9478" max="9478" width="5.375" style="11" customWidth="1"/>
    <col min="9479" max="9484" width="5.25" style="11" customWidth="1"/>
    <col min="9485" max="9728" width="8.125" style="11"/>
    <col min="9729" max="9729" width="11.375" style="11" customWidth="1"/>
    <col min="9730" max="9733" width="7.75" style="11" customWidth="1"/>
    <col min="9734" max="9734" width="5.375" style="11" customWidth="1"/>
    <col min="9735" max="9740" width="5.25" style="11" customWidth="1"/>
    <col min="9741" max="9984" width="8.125" style="11"/>
    <col min="9985" max="9985" width="11.375" style="11" customWidth="1"/>
    <col min="9986" max="9989" width="7.75" style="11" customWidth="1"/>
    <col min="9990" max="9990" width="5.375" style="11" customWidth="1"/>
    <col min="9991" max="9996" width="5.25" style="11" customWidth="1"/>
    <col min="9997" max="10240" width="8.125" style="11"/>
    <col min="10241" max="10241" width="11.375" style="11" customWidth="1"/>
    <col min="10242" max="10245" width="7.75" style="11" customWidth="1"/>
    <col min="10246" max="10246" width="5.375" style="11" customWidth="1"/>
    <col min="10247" max="10252" width="5.25" style="11" customWidth="1"/>
    <col min="10253" max="10496" width="8.125" style="11"/>
    <col min="10497" max="10497" width="11.375" style="11" customWidth="1"/>
    <col min="10498" max="10501" width="7.75" style="11" customWidth="1"/>
    <col min="10502" max="10502" width="5.375" style="11" customWidth="1"/>
    <col min="10503" max="10508" width="5.25" style="11" customWidth="1"/>
    <col min="10509" max="10752" width="8.125" style="11"/>
    <col min="10753" max="10753" width="11.375" style="11" customWidth="1"/>
    <col min="10754" max="10757" width="7.75" style="11" customWidth="1"/>
    <col min="10758" max="10758" width="5.375" style="11" customWidth="1"/>
    <col min="10759" max="10764" width="5.25" style="11" customWidth="1"/>
    <col min="10765" max="11008" width="8.125" style="11"/>
    <col min="11009" max="11009" width="11.375" style="11" customWidth="1"/>
    <col min="11010" max="11013" width="7.75" style="11" customWidth="1"/>
    <col min="11014" max="11014" width="5.375" style="11" customWidth="1"/>
    <col min="11015" max="11020" width="5.25" style="11" customWidth="1"/>
    <col min="11021" max="11264" width="8.125" style="11"/>
    <col min="11265" max="11265" width="11.375" style="11" customWidth="1"/>
    <col min="11266" max="11269" width="7.75" style="11" customWidth="1"/>
    <col min="11270" max="11270" width="5.375" style="11" customWidth="1"/>
    <col min="11271" max="11276" width="5.25" style="11" customWidth="1"/>
    <col min="11277" max="11520" width="8.125" style="11"/>
    <col min="11521" max="11521" width="11.375" style="11" customWidth="1"/>
    <col min="11522" max="11525" width="7.75" style="11" customWidth="1"/>
    <col min="11526" max="11526" width="5.375" style="11" customWidth="1"/>
    <col min="11527" max="11532" width="5.25" style="11" customWidth="1"/>
    <col min="11533" max="11776" width="8.125" style="11"/>
    <col min="11777" max="11777" width="11.375" style="11" customWidth="1"/>
    <col min="11778" max="11781" width="7.75" style="11" customWidth="1"/>
    <col min="11782" max="11782" width="5.375" style="11" customWidth="1"/>
    <col min="11783" max="11788" width="5.25" style="11" customWidth="1"/>
    <col min="11789" max="12032" width="8.125" style="11"/>
    <col min="12033" max="12033" width="11.375" style="11" customWidth="1"/>
    <col min="12034" max="12037" width="7.75" style="11" customWidth="1"/>
    <col min="12038" max="12038" width="5.375" style="11" customWidth="1"/>
    <col min="12039" max="12044" width="5.25" style="11" customWidth="1"/>
    <col min="12045" max="12288" width="8.125" style="11"/>
    <col min="12289" max="12289" width="11.375" style="11" customWidth="1"/>
    <col min="12290" max="12293" width="7.75" style="11" customWidth="1"/>
    <col min="12294" max="12294" width="5.375" style="11" customWidth="1"/>
    <col min="12295" max="12300" width="5.25" style="11" customWidth="1"/>
    <col min="12301" max="12544" width="8.125" style="11"/>
    <col min="12545" max="12545" width="11.375" style="11" customWidth="1"/>
    <col min="12546" max="12549" width="7.75" style="11" customWidth="1"/>
    <col min="12550" max="12550" width="5.375" style="11" customWidth="1"/>
    <col min="12551" max="12556" width="5.25" style="11" customWidth="1"/>
    <col min="12557" max="12800" width="8.125" style="11"/>
    <col min="12801" max="12801" width="11.375" style="11" customWidth="1"/>
    <col min="12802" max="12805" width="7.75" style="11" customWidth="1"/>
    <col min="12806" max="12806" width="5.375" style="11" customWidth="1"/>
    <col min="12807" max="12812" width="5.25" style="11" customWidth="1"/>
    <col min="12813" max="13056" width="8.125" style="11"/>
    <col min="13057" max="13057" width="11.375" style="11" customWidth="1"/>
    <col min="13058" max="13061" width="7.75" style="11" customWidth="1"/>
    <col min="13062" max="13062" width="5.375" style="11" customWidth="1"/>
    <col min="13063" max="13068" width="5.25" style="11" customWidth="1"/>
    <col min="13069" max="13312" width="8.125" style="11"/>
    <col min="13313" max="13313" width="11.375" style="11" customWidth="1"/>
    <col min="13314" max="13317" width="7.75" style="11" customWidth="1"/>
    <col min="13318" max="13318" width="5.375" style="11" customWidth="1"/>
    <col min="13319" max="13324" width="5.25" style="11" customWidth="1"/>
    <col min="13325" max="13568" width="8.125" style="11"/>
    <col min="13569" max="13569" width="11.375" style="11" customWidth="1"/>
    <col min="13570" max="13573" width="7.75" style="11" customWidth="1"/>
    <col min="13574" max="13574" width="5.375" style="11" customWidth="1"/>
    <col min="13575" max="13580" width="5.25" style="11" customWidth="1"/>
    <col min="13581" max="13824" width="8.125" style="11"/>
    <col min="13825" max="13825" width="11.375" style="11" customWidth="1"/>
    <col min="13826" max="13829" width="7.75" style="11" customWidth="1"/>
    <col min="13830" max="13830" width="5.375" style="11" customWidth="1"/>
    <col min="13831" max="13836" width="5.25" style="11" customWidth="1"/>
    <col min="13837" max="14080" width="8.125" style="11"/>
    <col min="14081" max="14081" width="11.375" style="11" customWidth="1"/>
    <col min="14082" max="14085" width="7.75" style="11" customWidth="1"/>
    <col min="14086" max="14086" width="5.375" style="11" customWidth="1"/>
    <col min="14087" max="14092" width="5.25" style="11" customWidth="1"/>
    <col min="14093" max="14336" width="8.125" style="11"/>
    <col min="14337" max="14337" width="11.375" style="11" customWidth="1"/>
    <col min="14338" max="14341" width="7.75" style="11" customWidth="1"/>
    <col min="14342" max="14342" width="5.375" style="11" customWidth="1"/>
    <col min="14343" max="14348" width="5.25" style="11" customWidth="1"/>
    <col min="14349" max="14592" width="8.125" style="11"/>
    <col min="14593" max="14593" width="11.375" style="11" customWidth="1"/>
    <col min="14594" max="14597" width="7.75" style="11" customWidth="1"/>
    <col min="14598" max="14598" width="5.375" style="11" customWidth="1"/>
    <col min="14599" max="14604" width="5.25" style="11" customWidth="1"/>
    <col min="14605" max="14848" width="8.125" style="11"/>
    <col min="14849" max="14849" width="11.375" style="11" customWidth="1"/>
    <col min="14850" max="14853" width="7.75" style="11" customWidth="1"/>
    <col min="14854" max="14854" width="5.375" style="11" customWidth="1"/>
    <col min="14855" max="14860" width="5.25" style="11" customWidth="1"/>
    <col min="14861" max="15104" width="8.125" style="11"/>
    <col min="15105" max="15105" width="11.375" style="11" customWidth="1"/>
    <col min="15106" max="15109" width="7.75" style="11" customWidth="1"/>
    <col min="15110" max="15110" width="5.375" style="11" customWidth="1"/>
    <col min="15111" max="15116" width="5.25" style="11" customWidth="1"/>
    <col min="15117" max="15360" width="8.125" style="11"/>
    <col min="15361" max="15361" width="11.375" style="11" customWidth="1"/>
    <col min="15362" max="15365" width="7.75" style="11" customWidth="1"/>
    <col min="15366" max="15366" width="5.375" style="11" customWidth="1"/>
    <col min="15367" max="15372" width="5.25" style="11" customWidth="1"/>
    <col min="15373" max="15616" width="8.125" style="11"/>
    <col min="15617" max="15617" width="11.375" style="11" customWidth="1"/>
    <col min="15618" max="15621" width="7.75" style="11" customWidth="1"/>
    <col min="15622" max="15622" width="5.375" style="11" customWidth="1"/>
    <col min="15623" max="15628" width="5.25" style="11" customWidth="1"/>
    <col min="15629" max="15872" width="8.125" style="11"/>
    <col min="15873" max="15873" width="11.375" style="11" customWidth="1"/>
    <col min="15874" max="15877" width="7.75" style="11" customWidth="1"/>
    <col min="15878" max="15878" width="5.375" style="11" customWidth="1"/>
    <col min="15879" max="15884" width="5.25" style="11" customWidth="1"/>
    <col min="15885" max="16128" width="8.125" style="11"/>
    <col min="16129" max="16129" width="11.375" style="11" customWidth="1"/>
    <col min="16130" max="16133" width="7.75" style="11" customWidth="1"/>
    <col min="16134" max="16134" width="5.375" style="11" customWidth="1"/>
    <col min="16135" max="16140" width="5.25" style="11" customWidth="1"/>
    <col min="16141" max="16384" width="8.125" style="11"/>
  </cols>
  <sheetData>
    <row r="1" spans="1:12" ht="15" thickBot="1">
      <c r="A1" s="98" t="s">
        <v>472</v>
      </c>
      <c r="B1" s="98"/>
      <c r="C1" s="98"/>
      <c r="D1" s="100"/>
      <c r="E1" s="100"/>
      <c r="F1" s="99"/>
      <c r="G1" s="99"/>
      <c r="H1" s="99"/>
      <c r="I1" s="99"/>
      <c r="J1" s="99"/>
      <c r="K1" s="99"/>
      <c r="L1" s="102" t="s">
        <v>473</v>
      </c>
    </row>
    <row r="2" spans="1:12">
      <c r="A2" s="724" t="s">
        <v>96</v>
      </c>
      <c r="B2" s="726" t="s">
        <v>97</v>
      </c>
      <c r="C2" s="726" t="s">
        <v>98</v>
      </c>
      <c r="D2" s="726" t="s">
        <v>99</v>
      </c>
      <c r="E2" s="726" t="s">
        <v>100</v>
      </c>
      <c r="F2" s="657" t="s">
        <v>101</v>
      </c>
      <c r="G2" s="692"/>
      <c r="H2" s="692"/>
      <c r="I2" s="692"/>
      <c r="J2" s="692"/>
      <c r="K2" s="692"/>
      <c r="L2" s="723"/>
    </row>
    <row r="3" spans="1:12">
      <c r="A3" s="725"/>
      <c r="B3" s="727"/>
      <c r="C3" s="727"/>
      <c r="D3" s="727"/>
      <c r="E3" s="727"/>
      <c r="F3" s="61" t="s">
        <v>102</v>
      </c>
      <c r="G3" s="62" t="s">
        <v>103</v>
      </c>
      <c r="H3" s="61" t="s">
        <v>104</v>
      </c>
      <c r="I3" s="62" t="s">
        <v>105</v>
      </c>
      <c r="J3" s="61" t="s">
        <v>106</v>
      </c>
      <c r="K3" s="63" t="s">
        <v>107</v>
      </c>
      <c r="L3" s="64" t="s">
        <v>108</v>
      </c>
    </row>
    <row r="4" spans="1:12" ht="20.25" customHeight="1">
      <c r="A4" s="65"/>
      <c r="B4" s="66" t="s">
        <v>109</v>
      </c>
      <c r="C4" s="66" t="s">
        <v>109</v>
      </c>
      <c r="D4" s="66" t="s">
        <v>109</v>
      </c>
      <c r="E4" s="66" t="s">
        <v>109</v>
      </c>
      <c r="F4" s="66" t="s">
        <v>109</v>
      </c>
      <c r="G4" s="66" t="s">
        <v>109</v>
      </c>
      <c r="H4" s="66" t="s">
        <v>109</v>
      </c>
      <c r="I4" s="66" t="s">
        <v>109</v>
      </c>
      <c r="J4" s="66" t="s">
        <v>109</v>
      </c>
      <c r="K4" s="66" t="s">
        <v>109</v>
      </c>
      <c r="L4" s="67" t="s">
        <v>109</v>
      </c>
    </row>
    <row r="5" spans="1:12" ht="20.25" customHeight="1">
      <c r="A5" s="68"/>
      <c r="B5" s="69"/>
      <c r="C5" s="69"/>
      <c r="D5" s="69"/>
      <c r="E5" s="69"/>
      <c r="F5" s="69"/>
      <c r="G5" s="69"/>
      <c r="H5" s="69"/>
      <c r="I5" s="69"/>
      <c r="J5" s="69"/>
      <c r="K5" s="69"/>
      <c r="L5" s="70"/>
    </row>
    <row r="6" spans="1:12" ht="20.25" customHeight="1">
      <c r="A6" s="71"/>
      <c r="B6" s="72"/>
      <c r="C6" s="72"/>
      <c r="D6" s="72"/>
      <c r="E6" s="72"/>
      <c r="F6" s="72"/>
      <c r="G6" s="72"/>
      <c r="H6" s="72"/>
      <c r="I6" s="72"/>
      <c r="J6" s="72"/>
      <c r="K6" s="72"/>
      <c r="L6" s="73"/>
    </row>
    <row r="7" spans="1:12" ht="20.25" customHeight="1">
      <c r="A7" s="71"/>
      <c r="B7" s="72"/>
      <c r="C7" s="72"/>
      <c r="D7" s="72"/>
      <c r="E7" s="72"/>
      <c r="F7" s="72"/>
      <c r="G7" s="72"/>
      <c r="H7" s="72"/>
      <c r="I7" s="72"/>
      <c r="J7" s="72"/>
      <c r="K7" s="72"/>
      <c r="L7" s="73"/>
    </row>
    <row r="8" spans="1:12" ht="20.25" customHeight="1">
      <c r="A8" s="71"/>
      <c r="B8" s="72"/>
      <c r="C8" s="72"/>
      <c r="D8" s="72"/>
      <c r="E8" s="72"/>
      <c r="F8" s="72"/>
      <c r="G8" s="72"/>
      <c r="H8" s="72"/>
      <c r="I8" s="72"/>
      <c r="J8" s="72"/>
      <c r="K8" s="72"/>
      <c r="L8" s="73"/>
    </row>
    <row r="9" spans="1:12" ht="20.25" customHeight="1">
      <c r="A9" s="71"/>
      <c r="B9" s="72"/>
      <c r="C9" s="72"/>
      <c r="D9" s="72"/>
      <c r="E9" s="72"/>
      <c r="F9" s="72"/>
      <c r="G9" s="72"/>
      <c r="H9" s="72"/>
      <c r="I9" s="72"/>
      <c r="J9" s="72"/>
      <c r="K9" s="72"/>
      <c r="L9" s="73"/>
    </row>
    <row r="10" spans="1:12" ht="20.25" customHeight="1">
      <c r="A10" s="71"/>
      <c r="B10" s="72"/>
      <c r="C10" s="72"/>
      <c r="D10" s="72"/>
      <c r="E10" s="72"/>
      <c r="F10" s="72"/>
      <c r="G10" s="72"/>
      <c r="H10" s="72"/>
      <c r="I10" s="72"/>
      <c r="J10" s="72"/>
      <c r="K10" s="72"/>
      <c r="L10" s="73"/>
    </row>
    <row r="11" spans="1:12" ht="20.25" customHeight="1">
      <c r="A11" s="74" t="s">
        <v>110</v>
      </c>
      <c r="B11" s="72"/>
      <c r="C11" s="72"/>
      <c r="D11" s="72"/>
      <c r="E11" s="72"/>
      <c r="F11" s="72"/>
      <c r="G11" s="72"/>
      <c r="H11" s="72"/>
      <c r="I11" s="72"/>
      <c r="J11" s="72"/>
      <c r="K11" s="72"/>
      <c r="L11" s="73"/>
    </row>
    <row r="12" spans="1:12" ht="20.25" customHeight="1" thickBot="1">
      <c r="A12" s="75" t="s">
        <v>7</v>
      </c>
      <c r="B12" s="76"/>
      <c r="C12" s="76"/>
      <c r="D12" s="76"/>
      <c r="E12" s="76"/>
      <c r="F12" s="77"/>
      <c r="G12" s="77"/>
      <c r="H12" s="77"/>
      <c r="I12" s="77"/>
      <c r="J12" s="77"/>
      <c r="K12" s="77"/>
      <c r="L12" s="78"/>
    </row>
    <row r="13" spans="1:12">
      <c r="A13" s="79" t="s">
        <v>111</v>
      </c>
      <c r="B13" s="97"/>
      <c r="C13" s="97"/>
      <c r="D13" s="97"/>
      <c r="E13" s="97"/>
      <c r="F13" s="97"/>
      <c r="G13" s="97"/>
      <c r="H13" s="97"/>
      <c r="I13" s="97"/>
      <c r="J13" s="97"/>
      <c r="K13" s="97"/>
    </row>
    <row r="14" spans="1:12">
      <c r="A14" s="19"/>
      <c r="B14" s="80"/>
      <c r="C14" s="80"/>
      <c r="D14" s="80"/>
      <c r="E14" s="80"/>
      <c r="F14" s="101"/>
      <c r="G14" s="101"/>
      <c r="H14" s="101"/>
      <c r="I14" s="101"/>
      <c r="J14" s="101"/>
      <c r="K14" s="101"/>
      <c r="L14" s="101"/>
    </row>
  </sheetData>
  <mergeCells count="6">
    <mergeCell ref="F2:L2"/>
    <mergeCell ref="A2:A3"/>
    <mergeCell ref="B2:B3"/>
    <mergeCell ref="C2:C3"/>
    <mergeCell ref="D2:D3"/>
    <mergeCell ref="E2:E3"/>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42"/>
  <sheetViews>
    <sheetView view="pageBreakPreview" topLeftCell="A13" zoomScaleNormal="100" zoomScaleSheetLayoutView="100" workbookViewId="0">
      <selection activeCell="K15" sqref="K15"/>
    </sheetView>
  </sheetViews>
  <sheetFormatPr defaultColWidth="8.125" defaultRowHeight="14.25"/>
  <cols>
    <col min="1" max="1" width="3.625" style="292" customWidth="1"/>
    <col min="2" max="2" width="2.625" style="292" customWidth="1"/>
    <col min="3" max="3" width="9.75" style="292" customWidth="1"/>
    <col min="4" max="4" width="8.5" style="292" customWidth="1"/>
    <col min="5" max="15" width="10" style="292" customWidth="1"/>
    <col min="16" max="16" width="3.875" style="292" customWidth="1"/>
    <col min="17" max="256" width="8.125" style="292"/>
    <col min="257" max="258" width="2.625" style="292" customWidth="1"/>
    <col min="259" max="259" width="9.75" style="292" customWidth="1"/>
    <col min="260" max="260" width="8.5" style="292" customWidth="1"/>
    <col min="261" max="271" width="10" style="292" customWidth="1"/>
    <col min="272" max="512" width="8.125" style="292"/>
    <col min="513" max="514" width="2.625" style="292" customWidth="1"/>
    <col min="515" max="515" width="9.75" style="292" customWidth="1"/>
    <col min="516" max="516" width="8.5" style="292" customWidth="1"/>
    <col min="517" max="527" width="10" style="292" customWidth="1"/>
    <col min="528" max="768" width="8.125" style="292"/>
    <col min="769" max="770" width="2.625" style="292" customWidth="1"/>
    <col min="771" max="771" width="9.75" style="292" customWidth="1"/>
    <col min="772" max="772" width="8.5" style="292" customWidth="1"/>
    <col min="773" max="783" width="10" style="292" customWidth="1"/>
    <col min="784" max="1024" width="8.125" style="292"/>
    <col min="1025" max="1026" width="2.625" style="292" customWidth="1"/>
    <col min="1027" max="1027" width="9.75" style="292" customWidth="1"/>
    <col min="1028" max="1028" width="8.5" style="292" customWidth="1"/>
    <col min="1029" max="1039" width="10" style="292" customWidth="1"/>
    <col min="1040" max="1280" width="8.125" style="292"/>
    <col min="1281" max="1282" width="2.625" style="292" customWidth="1"/>
    <col min="1283" max="1283" width="9.75" style="292" customWidth="1"/>
    <col min="1284" max="1284" width="8.5" style="292" customWidth="1"/>
    <col min="1285" max="1295" width="10" style="292" customWidth="1"/>
    <col min="1296" max="1536" width="8.125" style="292"/>
    <col min="1537" max="1538" width="2.625" style="292" customWidth="1"/>
    <col min="1539" max="1539" width="9.75" style="292" customWidth="1"/>
    <col min="1540" max="1540" width="8.5" style="292" customWidth="1"/>
    <col min="1541" max="1551" width="10" style="292" customWidth="1"/>
    <col min="1552" max="1792" width="8.125" style="292"/>
    <col min="1793" max="1794" width="2.625" style="292" customWidth="1"/>
    <col min="1795" max="1795" width="9.75" style="292" customWidth="1"/>
    <col min="1796" max="1796" width="8.5" style="292" customWidth="1"/>
    <col min="1797" max="1807" width="10" style="292" customWidth="1"/>
    <col min="1808" max="2048" width="8.125" style="292"/>
    <col min="2049" max="2050" width="2.625" style="292" customWidth="1"/>
    <col min="2051" max="2051" width="9.75" style="292" customWidth="1"/>
    <col min="2052" max="2052" width="8.5" style="292" customWidth="1"/>
    <col min="2053" max="2063" width="10" style="292" customWidth="1"/>
    <col min="2064" max="2304" width="8.125" style="292"/>
    <col min="2305" max="2306" width="2.625" style="292" customWidth="1"/>
    <col min="2307" max="2307" width="9.75" style="292" customWidth="1"/>
    <col min="2308" max="2308" width="8.5" style="292" customWidth="1"/>
    <col min="2309" max="2319" width="10" style="292" customWidth="1"/>
    <col min="2320" max="2560" width="8.125" style="292"/>
    <col min="2561" max="2562" width="2.625" style="292" customWidth="1"/>
    <col min="2563" max="2563" width="9.75" style="292" customWidth="1"/>
    <col min="2564" max="2564" width="8.5" style="292" customWidth="1"/>
    <col min="2565" max="2575" width="10" style="292" customWidth="1"/>
    <col min="2576" max="2816" width="8.125" style="292"/>
    <col min="2817" max="2818" width="2.625" style="292" customWidth="1"/>
    <col min="2819" max="2819" width="9.75" style="292" customWidth="1"/>
    <col min="2820" max="2820" width="8.5" style="292" customWidth="1"/>
    <col min="2821" max="2831" width="10" style="292" customWidth="1"/>
    <col min="2832" max="3072" width="8.125" style="292"/>
    <col min="3073" max="3074" width="2.625" style="292" customWidth="1"/>
    <col min="3075" max="3075" width="9.75" style="292" customWidth="1"/>
    <col min="3076" max="3076" width="8.5" style="292" customWidth="1"/>
    <col min="3077" max="3087" width="10" style="292" customWidth="1"/>
    <col min="3088" max="3328" width="8.125" style="292"/>
    <col min="3329" max="3330" width="2.625" style="292" customWidth="1"/>
    <col min="3331" max="3331" width="9.75" style="292" customWidth="1"/>
    <col min="3332" max="3332" width="8.5" style="292" customWidth="1"/>
    <col min="3333" max="3343" width="10" style="292" customWidth="1"/>
    <col min="3344" max="3584" width="8.125" style="292"/>
    <col min="3585" max="3586" width="2.625" style="292" customWidth="1"/>
    <col min="3587" max="3587" width="9.75" style="292" customWidth="1"/>
    <col min="3588" max="3588" width="8.5" style="292" customWidth="1"/>
    <col min="3589" max="3599" width="10" style="292" customWidth="1"/>
    <col min="3600" max="3840" width="8.125" style="292"/>
    <col min="3841" max="3842" width="2.625" style="292" customWidth="1"/>
    <col min="3843" max="3843" width="9.75" style="292" customWidth="1"/>
    <col min="3844" max="3844" width="8.5" style="292" customWidth="1"/>
    <col min="3845" max="3855" width="10" style="292" customWidth="1"/>
    <col min="3856" max="4096" width="8.125" style="292"/>
    <col min="4097" max="4098" width="2.625" style="292" customWidth="1"/>
    <col min="4099" max="4099" width="9.75" style="292" customWidth="1"/>
    <col min="4100" max="4100" width="8.5" style="292" customWidth="1"/>
    <col min="4101" max="4111" width="10" style="292" customWidth="1"/>
    <col min="4112" max="4352" width="8.125" style="292"/>
    <col min="4353" max="4354" width="2.625" style="292" customWidth="1"/>
    <col min="4355" max="4355" width="9.75" style="292" customWidth="1"/>
    <col min="4356" max="4356" width="8.5" style="292" customWidth="1"/>
    <col min="4357" max="4367" width="10" style="292" customWidth="1"/>
    <col min="4368" max="4608" width="8.125" style="292"/>
    <col min="4609" max="4610" width="2.625" style="292" customWidth="1"/>
    <col min="4611" max="4611" width="9.75" style="292" customWidth="1"/>
    <col min="4612" max="4612" width="8.5" style="292" customWidth="1"/>
    <col min="4613" max="4623" width="10" style="292" customWidth="1"/>
    <col min="4624" max="4864" width="8.125" style="292"/>
    <col min="4865" max="4866" width="2.625" style="292" customWidth="1"/>
    <col min="4867" max="4867" width="9.75" style="292" customWidth="1"/>
    <col min="4868" max="4868" width="8.5" style="292" customWidth="1"/>
    <col min="4869" max="4879" width="10" style="292" customWidth="1"/>
    <col min="4880" max="5120" width="8.125" style="292"/>
    <col min="5121" max="5122" width="2.625" style="292" customWidth="1"/>
    <col min="5123" max="5123" width="9.75" style="292" customWidth="1"/>
    <col min="5124" max="5124" width="8.5" style="292" customWidth="1"/>
    <col min="5125" max="5135" width="10" style="292" customWidth="1"/>
    <col min="5136" max="5376" width="8.125" style="292"/>
    <col min="5377" max="5378" width="2.625" style="292" customWidth="1"/>
    <col min="5379" max="5379" width="9.75" style="292" customWidth="1"/>
    <col min="5380" max="5380" width="8.5" style="292" customWidth="1"/>
    <col min="5381" max="5391" width="10" style="292" customWidth="1"/>
    <col min="5392" max="5632" width="8.125" style="292"/>
    <col min="5633" max="5634" width="2.625" style="292" customWidth="1"/>
    <col min="5635" max="5635" width="9.75" style="292" customWidth="1"/>
    <col min="5636" max="5636" width="8.5" style="292" customWidth="1"/>
    <col min="5637" max="5647" width="10" style="292" customWidth="1"/>
    <col min="5648" max="5888" width="8.125" style="292"/>
    <col min="5889" max="5890" width="2.625" style="292" customWidth="1"/>
    <col min="5891" max="5891" width="9.75" style="292" customWidth="1"/>
    <col min="5892" max="5892" width="8.5" style="292" customWidth="1"/>
    <col min="5893" max="5903" width="10" style="292" customWidth="1"/>
    <col min="5904" max="6144" width="8.125" style="292"/>
    <col min="6145" max="6146" width="2.625" style="292" customWidth="1"/>
    <col min="6147" max="6147" width="9.75" style="292" customWidth="1"/>
    <col min="6148" max="6148" width="8.5" style="292" customWidth="1"/>
    <col min="6149" max="6159" width="10" style="292" customWidth="1"/>
    <col min="6160" max="6400" width="8.125" style="292"/>
    <col min="6401" max="6402" width="2.625" style="292" customWidth="1"/>
    <col min="6403" max="6403" width="9.75" style="292" customWidth="1"/>
    <col min="6404" max="6404" width="8.5" style="292" customWidth="1"/>
    <col min="6405" max="6415" width="10" style="292" customWidth="1"/>
    <col min="6416" max="6656" width="8.125" style="292"/>
    <col min="6657" max="6658" width="2.625" style="292" customWidth="1"/>
    <col min="6659" max="6659" width="9.75" style="292" customWidth="1"/>
    <col min="6660" max="6660" width="8.5" style="292" customWidth="1"/>
    <col min="6661" max="6671" width="10" style="292" customWidth="1"/>
    <col min="6672" max="6912" width="8.125" style="292"/>
    <col min="6913" max="6914" width="2.625" style="292" customWidth="1"/>
    <col min="6915" max="6915" width="9.75" style="292" customWidth="1"/>
    <col min="6916" max="6916" width="8.5" style="292" customWidth="1"/>
    <col min="6917" max="6927" width="10" style="292" customWidth="1"/>
    <col min="6928" max="7168" width="8.125" style="292"/>
    <col min="7169" max="7170" width="2.625" style="292" customWidth="1"/>
    <col min="7171" max="7171" width="9.75" style="292" customWidth="1"/>
    <col min="7172" max="7172" width="8.5" style="292" customWidth="1"/>
    <col min="7173" max="7183" width="10" style="292" customWidth="1"/>
    <col min="7184" max="7424" width="8.125" style="292"/>
    <col min="7425" max="7426" width="2.625" style="292" customWidth="1"/>
    <col min="7427" max="7427" width="9.75" style="292" customWidth="1"/>
    <col min="7428" max="7428" width="8.5" style="292" customWidth="1"/>
    <col min="7429" max="7439" width="10" style="292" customWidth="1"/>
    <col min="7440" max="7680" width="8.125" style="292"/>
    <col min="7681" max="7682" width="2.625" style="292" customWidth="1"/>
    <col min="7683" max="7683" width="9.75" style="292" customWidth="1"/>
    <col min="7684" max="7684" width="8.5" style="292" customWidth="1"/>
    <col min="7685" max="7695" width="10" style="292" customWidth="1"/>
    <col min="7696" max="7936" width="8.125" style="292"/>
    <col min="7937" max="7938" width="2.625" style="292" customWidth="1"/>
    <col min="7939" max="7939" width="9.75" style="292" customWidth="1"/>
    <col min="7940" max="7940" width="8.5" style="292" customWidth="1"/>
    <col min="7941" max="7951" width="10" style="292" customWidth="1"/>
    <col min="7952" max="8192" width="8.125" style="292"/>
    <col min="8193" max="8194" width="2.625" style="292" customWidth="1"/>
    <col min="8195" max="8195" width="9.75" style="292" customWidth="1"/>
    <col min="8196" max="8196" width="8.5" style="292" customWidth="1"/>
    <col min="8197" max="8207" width="10" style="292" customWidth="1"/>
    <col min="8208" max="8448" width="8.125" style="292"/>
    <col min="8449" max="8450" width="2.625" style="292" customWidth="1"/>
    <col min="8451" max="8451" width="9.75" style="292" customWidth="1"/>
    <col min="8452" max="8452" width="8.5" style="292" customWidth="1"/>
    <col min="8453" max="8463" width="10" style="292" customWidth="1"/>
    <col min="8464" max="8704" width="8.125" style="292"/>
    <col min="8705" max="8706" width="2.625" style="292" customWidth="1"/>
    <col min="8707" max="8707" width="9.75" style="292" customWidth="1"/>
    <col min="8708" max="8708" width="8.5" style="292" customWidth="1"/>
    <col min="8709" max="8719" width="10" style="292" customWidth="1"/>
    <col min="8720" max="8960" width="8.125" style="292"/>
    <col min="8961" max="8962" width="2.625" style="292" customWidth="1"/>
    <col min="8963" max="8963" width="9.75" style="292" customWidth="1"/>
    <col min="8964" max="8964" width="8.5" style="292" customWidth="1"/>
    <col min="8965" max="8975" width="10" style="292" customWidth="1"/>
    <col min="8976" max="9216" width="8.125" style="292"/>
    <col min="9217" max="9218" width="2.625" style="292" customWidth="1"/>
    <col min="9219" max="9219" width="9.75" style="292" customWidth="1"/>
    <col min="9220" max="9220" width="8.5" style="292" customWidth="1"/>
    <col min="9221" max="9231" width="10" style="292" customWidth="1"/>
    <col min="9232" max="9472" width="8.125" style="292"/>
    <col min="9473" max="9474" width="2.625" style="292" customWidth="1"/>
    <col min="9475" max="9475" width="9.75" style="292" customWidth="1"/>
    <col min="9476" max="9476" width="8.5" style="292" customWidth="1"/>
    <col min="9477" max="9487" width="10" style="292" customWidth="1"/>
    <col min="9488" max="9728" width="8.125" style="292"/>
    <col min="9729" max="9730" width="2.625" style="292" customWidth="1"/>
    <col min="9731" max="9731" width="9.75" style="292" customWidth="1"/>
    <col min="9732" max="9732" width="8.5" style="292" customWidth="1"/>
    <col min="9733" max="9743" width="10" style="292" customWidth="1"/>
    <col min="9744" max="9984" width="8.125" style="292"/>
    <col min="9985" max="9986" width="2.625" style="292" customWidth="1"/>
    <col min="9987" max="9987" width="9.75" style="292" customWidth="1"/>
    <col min="9988" max="9988" width="8.5" style="292" customWidth="1"/>
    <col min="9989" max="9999" width="10" style="292" customWidth="1"/>
    <col min="10000" max="10240" width="8.125" style="292"/>
    <col min="10241" max="10242" width="2.625" style="292" customWidth="1"/>
    <col min="10243" max="10243" width="9.75" style="292" customWidth="1"/>
    <col min="10244" max="10244" width="8.5" style="292" customWidth="1"/>
    <col min="10245" max="10255" width="10" style="292" customWidth="1"/>
    <col min="10256" max="10496" width="8.125" style="292"/>
    <col min="10497" max="10498" width="2.625" style="292" customWidth="1"/>
    <col min="10499" max="10499" width="9.75" style="292" customWidth="1"/>
    <col min="10500" max="10500" width="8.5" style="292" customWidth="1"/>
    <col min="10501" max="10511" width="10" style="292" customWidth="1"/>
    <col min="10512" max="10752" width="8.125" style="292"/>
    <col min="10753" max="10754" width="2.625" style="292" customWidth="1"/>
    <col min="10755" max="10755" width="9.75" style="292" customWidth="1"/>
    <col min="10756" max="10756" width="8.5" style="292" customWidth="1"/>
    <col min="10757" max="10767" width="10" style="292" customWidth="1"/>
    <col min="10768" max="11008" width="8.125" style="292"/>
    <col min="11009" max="11010" width="2.625" style="292" customWidth="1"/>
    <col min="11011" max="11011" width="9.75" style="292" customWidth="1"/>
    <col min="11012" max="11012" width="8.5" style="292" customWidth="1"/>
    <col min="11013" max="11023" width="10" style="292" customWidth="1"/>
    <col min="11024" max="11264" width="8.125" style="292"/>
    <col min="11265" max="11266" width="2.625" style="292" customWidth="1"/>
    <col min="11267" max="11267" width="9.75" style="292" customWidth="1"/>
    <col min="11268" max="11268" width="8.5" style="292" customWidth="1"/>
    <col min="11269" max="11279" width="10" style="292" customWidth="1"/>
    <col min="11280" max="11520" width="8.125" style="292"/>
    <col min="11521" max="11522" width="2.625" style="292" customWidth="1"/>
    <col min="11523" max="11523" width="9.75" style="292" customWidth="1"/>
    <col min="11524" max="11524" width="8.5" style="292" customWidth="1"/>
    <col min="11525" max="11535" width="10" style="292" customWidth="1"/>
    <col min="11536" max="11776" width="8.125" style="292"/>
    <col min="11777" max="11778" width="2.625" style="292" customWidth="1"/>
    <col min="11779" max="11779" width="9.75" style="292" customWidth="1"/>
    <col min="11780" max="11780" width="8.5" style="292" customWidth="1"/>
    <col min="11781" max="11791" width="10" style="292" customWidth="1"/>
    <col min="11792" max="12032" width="8.125" style="292"/>
    <col min="12033" max="12034" width="2.625" style="292" customWidth="1"/>
    <col min="12035" max="12035" width="9.75" style="292" customWidth="1"/>
    <col min="12036" max="12036" width="8.5" style="292" customWidth="1"/>
    <col min="12037" max="12047" width="10" style="292" customWidth="1"/>
    <col min="12048" max="12288" width="8.125" style="292"/>
    <col min="12289" max="12290" width="2.625" style="292" customWidth="1"/>
    <col min="12291" max="12291" width="9.75" style="292" customWidth="1"/>
    <col min="12292" max="12292" width="8.5" style="292" customWidth="1"/>
    <col min="12293" max="12303" width="10" style="292" customWidth="1"/>
    <col min="12304" max="12544" width="8.125" style="292"/>
    <col min="12545" max="12546" width="2.625" style="292" customWidth="1"/>
    <col min="12547" max="12547" width="9.75" style="292" customWidth="1"/>
    <col min="12548" max="12548" width="8.5" style="292" customWidth="1"/>
    <col min="12549" max="12559" width="10" style="292" customWidth="1"/>
    <col min="12560" max="12800" width="8.125" style="292"/>
    <col min="12801" max="12802" width="2.625" style="292" customWidth="1"/>
    <col min="12803" max="12803" width="9.75" style="292" customWidth="1"/>
    <col min="12804" max="12804" width="8.5" style="292" customWidth="1"/>
    <col min="12805" max="12815" width="10" style="292" customWidth="1"/>
    <col min="12816" max="13056" width="8.125" style="292"/>
    <col min="13057" max="13058" width="2.625" style="292" customWidth="1"/>
    <col min="13059" max="13059" width="9.75" style="292" customWidth="1"/>
    <col min="13060" max="13060" width="8.5" style="292" customWidth="1"/>
    <col min="13061" max="13071" width="10" style="292" customWidth="1"/>
    <col min="13072" max="13312" width="8.125" style="292"/>
    <col min="13313" max="13314" width="2.625" style="292" customWidth="1"/>
    <col min="13315" max="13315" width="9.75" style="292" customWidth="1"/>
    <col min="13316" max="13316" width="8.5" style="292" customWidth="1"/>
    <col min="13317" max="13327" width="10" style="292" customWidth="1"/>
    <col min="13328" max="13568" width="8.125" style="292"/>
    <col min="13569" max="13570" width="2.625" style="292" customWidth="1"/>
    <col min="13571" max="13571" width="9.75" style="292" customWidth="1"/>
    <col min="13572" max="13572" width="8.5" style="292" customWidth="1"/>
    <col min="13573" max="13583" width="10" style="292" customWidth="1"/>
    <col min="13584" max="13824" width="8.125" style="292"/>
    <col min="13825" max="13826" width="2.625" style="292" customWidth="1"/>
    <col min="13827" max="13827" width="9.75" style="292" customWidth="1"/>
    <col min="13828" max="13828" width="8.5" style="292" customWidth="1"/>
    <col min="13829" max="13839" width="10" style="292" customWidth="1"/>
    <col min="13840" max="14080" width="8.125" style="292"/>
    <col min="14081" max="14082" width="2.625" style="292" customWidth="1"/>
    <col min="14083" max="14083" width="9.75" style="292" customWidth="1"/>
    <col min="14084" max="14084" width="8.5" style="292" customWidth="1"/>
    <col min="14085" max="14095" width="10" style="292" customWidth="1"/>
    <col min="14096" max="14336" width="8.125" style="292"/>
    <col min="14337" max="14338" width="2.625" style="292" customWidth="1"/>
    <col min="14339" max="14339" width="9.75" style="292" customWidth="1"/>
    <col min="14340" max="14340" width="8.5" style="292" customWidth="1"/>
    <col min="14341" max="14351" width="10" style="292" customWidth="1"/>
    <col min="14352" max="14592" width="8.125" style="292"/>
    <col min="14593" max="14594" width="2.625" style="292" customWidth="1"/>
    <col min="14595" max="14595" width="9.75" style="292" customWidth="1"/>
    <col min="14596" max="14596" width="8.5" style="292" customWidth="1"/>
    <col min="14597" max="14607" width="10" style="292" customWidth="1"/>
    <col min="14608" max="14848" width="8.125" style="292"/>
    <col min="14849" max="14850" width="2.625" style="292" customWidth="1"/>
    <col min="14851" max="14851" width="9.75" style="292" customWidth="1"/>
    <col min="14852" max="14852" width="8.5" style="292" customWidth="1"/>
    <col min="14853" max="14863" width="10" style="292" customWidth="1"/>
    <col min="14864" max="15104" width="8.125" style="292"/>
    <col min="15105" max="15106" width="2.625" style="292" customWidth="1"/>
    <col min="15107" max="15107" width="9.75" style="292" customWidth="1"/>
    <col min="15108" max="15108" width="8.5" style="292" customWidth="1"/>
    <col min="15109" max="15119" width="10" style="292" customWidth="1"/>
    <col min="15120" max="15360" width="8.125" style="292"/>
    <col min="15361" max="15362" width="2.625" style="292" customWidth="1"/>
    <col min="15363" max="15363" width="9.75" style="292" customWidth="1"/>
    <col min="15364" max="15364" width="8.5" style="292" customWidth="1"/>
    <col min="15365" max="15375" width="10" style="292" customWidth="1"/>
    <col min="15376" max="15616" width="8.125" style="292"/>
    <col min="15617" max="15618" width="2.625" style="292" customWidth="1"/>
    <col min="15619" max="15619" width="9.75" style="292" customWidth="1"/>
    <col min="15620" max="15620" width="8.5" style="292" customWidth="1"/>
    <col min="15621" max="15631" width="10" style="292" customWidth="1"/>
    <col min="15632" max="15872" width="8.125" style="292"/>
    <col min="15873" max="15874" width="2.625" style="292" customWidth="1"/>
    <col min="15875" max="15875" width="9.75" style="292" customWidth="1"/>
    <col min="15876" max="15876" width="8.5" style="292" customWidth="1"/>
    <col min="15877" max="15887" width="10" style="292" customWidth="1"/>
    <col min="15888" max="16128" width="8.125" style="292"/>
    <col min="16129" max="16130" width="2.625" style="292" customWidth="1"/>
    <col min="16131" max="16131" width="9.75" style="292" customWidth="1"/>
    <col min="16132" max="16132" width="8.5" style="292" customWidth="1"/>
    <col min="16133" max="16143" width="10" style="292" customWidth="1"/>
    <col min="16144" max="16384" width="8.125" style="292"/>
  </cols>
  <sheetData>
    <row r="1" spans="1:17" ht="12.75" customHeight="1">
      <c r="A1" s="97" t="s">
        <v>333</v>
      </c>
      <c r="B1" s="97"/>
      <c r="C1" s="97"/>
      <c r="D1" s="97"/>
      <c r="E1" s="97"/>
      <c r="F1" s="97"/>
      <c r="G1" s="97"/>
      <c r="H1" s="97"/>
      <c r="I1" s="97"/>
      <c r="J1" s="97"/>
      <c r="K1" s="97"/>
      <c r="L1" s="97"/>
      <c r="M1" s="97"/>
      <c r="N1" s="97"/>
      <c r="O1" s="97"/>
      <c r="P1" s="97"/>
      <c r="Q1" s="97"/>
    </row>
    <row r="2" spans="1:17" ht="13.5" customHeight="1" thickBot="1">
      <c r="A2" s="97" t="s">
        <v>334</v>
      </c>
      <c r="B2" s="97"/>
      <c r="C2" s="97"/>
      <c r="D2" s="97"/>
      <c r="E2" s="97"/>
      <c r="F2" s="97"/>
      <c r="G2" s="97"/>
      <c r="H2" s="97"/>
      <c r="I2" s="97"/>
      <c r="J2" s="97"/>
      <c r="K2" s="97"/>
      <c r="L2" s="97"/>
      <c r="M2" s="97"/>
      <c r="N2" s="97"/>
      <c r="O2" s="230" t="s">
        <v>473</v>
      </c>
      <c r="P2" s="97"/>
      <c r="Q2" s="97"/>
    </row>
    <row r="3" spans="1:17" ht="15" customHeight="1">
      <c r="A3" s="745"/>
      <c r="B3" s="746"/>
      <c r="C3" s="747"/>
      <c r="D3" s="748"/>
      <c r="E3" s="179"/>
      <c r="F3" s="179"/>
      <c r="G3" s="657" t="s">
        <v>335</v>
      </c>
      <c r="H3" s="755"/>
      <c r="I3" s="755"/>
      <c r="J3" s="755"/>
      <c r="K3" s="756"/>
      <c r="L3" s="179"/>
      <c r="M3" s="179"/>
      <c r="N3" s="180"/>
      <c r="O3" s="181"/>
      <c r="P3" s="182"/>
      <c r="Q3" s="113"/>
    </row>
    <row r="4" spans="1:17" ht="15" customHeight="1">
      <c r="A4" s="749"/>
      <c r="B4" s="750"/>
      <c r="C4" s="750"/>
      <c r="D4" s="751"/>
      <c r="E4" s="183" t="s">
        <v>336</v>
      </c>
      <c r="F4" s="184" t="s">
        <v>337</v>
      </c>
      <c r="G4" s="240" t="s">
        <v>338</v>
      </c>
      <c r="H4" s="185" t="s">
        <v>339</v>
      </c>
      <c r="I4" s="244" t="s">
        <v>340</v>
      </c>
      <c r="J4" s="185" t="s">
        <v>341</v>
      </c>
      <c r="K4" s="183" t="s">
        <v>342</v>
      </c>
      <c r="L4" s="184" t="s">
        <v>343</v>
      </c>
      <c r="M4" s="184" t="s">
        <v>344</v>
      </c>
      <c r="N4" s="183" t="s">
        <v>345</v>
      </c>
      <c r="O4" s="186" t="s">
        <v>7</v>
      </c>
    </row>
    <row r="5" spans="1:17" ht="15" customHeight="1">
      <c r="A5" s="752"/>
      <c r="B5" s="753"/>
      <c r="C5" s="753"/>
      <c r="D5" s="754"/>
      <c r="E5" s="187"/>
      <c r="F5" s="188"/>
      <c r="G5" s="241"/>
      <c r="H5" s="189"/>
      <c r="I5" s="293"/>
      <c r="J5" s="188"/>
      <c r="K5" s="187"/>
      <c r="L5" s="188"/>
      <c r="M5" s="188"/>
      <c r="N5" s="187"/>
      <c r="O5" s="190"/>
    </row>
    <row r="6" spans="1:17" ht="18" customHeight="1">
      <c r="A6" s="757" t="s">
        <v>346</v>
      </c>
      <c r="B6" s="191"/>
      <c r="C6" s="2" t="s">
        <v>347</v>
      </c>
      <c r="D6" s="108"/>
      <c r="E6" s="192"/>
      <c r="F6" s="192"/>
      <c r="G6" s="192"/>
      <c r="H6" s="192"/>
      <c r="I6" s="193"/>
      <c r="J6" s="192"/>
      <c r="K6" s="192"/>
      <c r="L6" s="192"/>
      <c r="M6" s="192"/>
      <c r="N6" s="192"/>
      <c r="O6" s="194"/>
    </row>
    <row r="7" spans="1:17" ht="18" customHeight="1">
      <c r="A7" s="758"/>
      <c r="B7" s="191">
        <v>4</v>
      </c>
      <c r="C7" s="233" t="s">
        <v>348</v>
      </c>
      <c r="D7" s="235"/>
      <c r="E7" s="3"/>
      <c r="F7" s="3"/>
      <c r="G7" s="3"/>
      <c r="H7" s="3"/>
      <c r="I7" s="195"/>
      <c r="J7" s="3"/>
      <c r="K7" s="3"/>
      <c r="L7" s="3"/>
      <c r="M7" s="3"/>
      <c r="N7" s="3"/>
      <c r="O7" s="196"/>
    </row>
    <row r="8" spans="1:17" ht="18" customHeight="1">
      <c r="A8" s="758"/>
      <c r="B8" s="191" t="s">
        <v>349</v>
      </c>
      <c r="C8" s="233" t="s">
        <v>350</v>
      </c>
      <c r="D8" s="234"/>
      <c r="E8" s="3"/>
      <c r="F8" s="3"/>
      <c r="G8" s="3"/>
      <c r="H8" s="3"/>
      <c r="I8" s="195"/>
      <c r="J8" s="3"/>
      <c r="K8" s="3"/>
      <c r="L8" s="3"/>
      <c r="M8" s="3"/>
      <c r="N8" s="3"/>
      <c r="O8" s="196"/>
    </row>
    <row r="9" spans="1:17" ht="18" customHeight="1">
      <c r="A9" s="758"/>
      <c r="B9" s="191" t="s">
        <v>351</v>
      </c>
      <c r="C9" s="233" t="s">
        <v>352</v>
      </c>
      <c r="D9" s="234"/>
      <c r="E9" s="3"/>
      <c r="F9" s="3"/>
      <c r="G9" s="3"/>
      <c r="H9" s="3"/>
      <c r="I9" s="195"/>
      <c r="J9" s="3"/>
      <c r="K9" s="3"/>
      <c r="L9" s="3"/>
      <c r="M9" s="3"/>
      <c r="N9" s="3"/>
      <c r="O9" s="196"/>
    </row>
    <row r="10" spans="1:17" ht="18" customHeight="1" thickBot="1">
      <c r="A10" s="758"/>
      <c r="B10" s="197"/>
      <c r="C10" s="198" t="s">
        <v>353</v>
      </c>
      <c r="D10" s="199"/>
      <c r="E10" s="200"/>
      <c r="F10" s="200"/>
      <c r="G10" s="200"/>
      <c r="H10" s="200"/>
      <c r="I10" s="201"/>
      <c r="J10" s="200"/>
      <c r="K10" s="200"/>
      <c r="L10" s="200"/>
      <c r="M10" s="200"/>
      <c r="N10" s="200"/>
      <c r="O10" s="202"/>
    </row>
    <row r="11" spans="1:17" ht="18" customHeight="1" thickTop="1">
      <c r="A11" s="758"/>
      <c r="B11" s="191"/>
      <c r="C11" s="2" t="s">
        <v>347</v>
      </c>
      <c r="D11" s="108"/>
      <c r="E11" s="192"/>
      <c r="F11" s="192"/>
      <c r="G11" s="192"/>
      <c r="H11" s="192"/>
      <c r="I11" s="193"/>
      <c r="J11" s="192"/>
      <c r="K11" s="192"/>
      <c r="L11" s="192"/>
      <c r="M11" s="192"/>
      <c r="N11" s="192"/>
      <c r="O11" s="194"/>
    </row>
    <row r="12" spans="1:17" ht="18" customHeight="1">
      <c r="A12" s="758"/>
      <c r="B12" s="191">
        <v>5</v>
      </c>
      <c r="C12" s="233" t="s">
        <v>348</v>
      </c>
      <c r="D12" s="235"/>
      <c r="E12" s="3"/>
      <c r="F12" s="3"/>
      <c r="G12" s="3"/>
      <c r="H12" s="3"/>
      <c r="I12" s="195"/>
      <c r="J12" s="3"/>
      <c r="K12" s="3"/>
      <c r="L12" s="3"/>
      <c r="M12" s="3"/>
      <c r="N12" s="3"/>
      <c r="O12" s="196"/>
    </row>
    <row r="13" spans="1:17" ht="18" customHeight="1">
      <c r="A13" s="758"/>
      <c r="B13" s="191" t="s">
        <v>349</v>
      </c>
      <c r="C13" s="233" t="s">
        <v>350</v>
      </c>
      <c r="D13" s="234"/>
      <c r="E13" s="3"/>
      <c r="F13" s="3"/>
      <c r="G13" s="3"/>
      <c r="H13" s="3"/>
      <c r="I13" s="195"/>
      <c r="J13" s="3"/>
      <c r="K13" s="3"/>
      <c r="L13" s="3"/>
      <c r="M13" s="3"/>
      <c r="N13" s="3"/>
      <c r="O13" s="196"/>
    </row>
    <row r="14" spans="1:17" ht="18" customHeight="1">
      <c r="A14" s="758"/>
      <c r="B14" s="191" t="s">
        <v>351</v>
      </c>
      <c r="C14" s="233" t="s">
        <v>352</v>
      </c>
      <c r="D14" s="234"/>
      <c r="E14" s="3"/>
      <c r="F14" s="3"/>
      <c r="G14" s="3"/>
      <c r="H14" s="3"/>
      <c r="I14" s="195"/>
      <c r="J14" s="3"/>
      <c r="K14" s="3"/>
      <c r="L14" s="3"/>
      <c r="M14" s="3"/>
      <c r="N14" s="3"/>
      <c r="O14" s="196"/>
    </row>
    <row r="15" spans="1:17" ht="18" customHeight="1" thickBot="1">
      <c r="A15" s="759"/>
      <c r="B15" s="197"/>
      <c r="C15" s="295" t="s">
        <v>479</v>
      </c>
      <c r="D15" s="199"/>
      <c r="E15" s="200"/>
      <c r="F15" s="200"/>
      <c r="G15" s="200"/>
      <c r="H15" s="200"/>
      <c r="I15" s="201"/>
      <c r="J15" s="200"/>
      <c r="K15" s="200"/>
      <c r="L15" s="200"/>
      <c r="M15" s="200"/>
      <c r="N15" s="200"/>
      <c r="O15" s="202"/>
    </row>
    <row r="16" spans="1:17" ht="18" customHeight="1" thickTop="1">
      <c r="A16" s="760" t="s">
        <v>354</v>
      </c>
      <c r="B16" s="761"/>
      <c r="C16" s="766" t="s">
        <v>355</v>
      </c>
      <c r="D16" s="767"/>
      <c r="E16" s="768"/>
      <c r="F16" s="192"/>
      <c r="G16" s="192"/>
      <c r="H16" s="192"/>
      <c r="I16" s="193"/>
      <c r="J16" s="192"/>
      <c r="K16" s="192"/>
      <c r="L16" s="192"/>
      <c r="M16" s="192"/>
      <c r="N16" s="192"/>
      <c r="O16" s="194"/>
    </row>
    <row r="17" spans="1:17" ht="18" customHeight="1">
      <c r="A17" s="762"/>
      <c r="B17" s="763"/>
      <c r="C17" s="233" t="s">
        <v>356</v>
      </c>
      <c r="D17" s="203"/>
      <c r="E17" s="769"/>
      <c r="F17" s="3"/>
      <c r="G17" s="3"/>
      <c r="H17" s="3"/>
      <c r="I17" s="195"/>
      <c r="J17" s="3"/>
      <c r="K17" s="3"/>
      <c r="L17" s="3"/>
      <c r="M17" s="3"/>
      <c r="N17" s="3"/>
      <c r="O17" s="196"/>
    </row>
    <row r="18" spans="1:17" ht="18" customHeight="1" thickBot="1">
      <c r="A18" s="764"/>
      <c r="B18" s="765"/>
      <c r="C18" s="204" t="s">
        <v>357</v>
      </c>
      <c r="D18" s="205"/>
      <c r="E18" s="770"/>
      <c r="F18" s="200"/>
      <c r="G18" s="200"/>
      <c r="H18" s="200"/>
      <c r="I18" s="201"/>
      <c r="J18" s="200"/>
      <c r="K18" s="200"/>
      <c r="L18" s="200"/>
      <c r="M18" s="200"/>
      <c r="N18" s="200"/>
      <c r="O18" s="202"/>
    </row>
    <row r="19" spans="1:17" ht="18" customHeight="1" thickTop="1" thickBot="1">
      <c r="A19" s="206"/>
      <c r="B19" s="207"/>
      <c r="C19" s="771" t="s">
        <v>358</v>
      </c>
      <c r="D19" s="772"/>
      <c r="E19" s="200"/>
      <c r="F19" s="200"/>
      <c r="G19" s="200"/>
      <c r="H19" s="200"/>
      <c r="I19" s="201"/>
      <c r="J19" s="200"/>
      <c r="K19" s="200"/>
      <c r="L19" s="200"/>
      <c r="M19" s="200"/>
      <c r="N19" s="200"/>
      <c r="O19" s="202"/>
    </row>
    <row r="20" spans="1:17" ht="18" customHeight="1" thickTop="1">
      <c r="A20" s="760" t="s">
        <v>359</v>
      </c>
      <c r="B20" s="761"/>
      <c r="C20" s="208" t="s">
        <v>360</v>
      </c>
      <c r="D20" s="209"/>
      <c r="E20" s="210"/>
      <c r="F20" s="210"/>
      <c r="G20" s="210"/>
      <c r="H20" s="210"/>
      <c r="I20" s="211"/>
      <c r="J20" s="210"/>
      <c r="K20" s="210"/>
      <c r="L20" s="210"/>
      <c r="M20" s="210"/>
      <c r="N20" s="210"/>
      <c r="O20" s="212"/>
    </row>
    <row r="21" spans="1:17" ht="18" customHeight="1" thickBot="1">
      <c r="A21" s="773"/>
      <c r="B21" s="774"/>
      <c r="C21" s="213" t="s">
        <v>361</v>
      </c>
      <c r="D21" s="214"/>
      <c r="E21" s="4"/>
      <c r="F21" s="4"/>
      <c r="G21" s="4"/>
      <c r="H21" s="4"/>
      <c r="I21" s="215"/>
      <c r="J21" s="4"/>
      <c r="K21" s="4"/>
      <c r="L21" s="4"/>
      <c r="M21" s="4"/>
      <c r="N21" s="4"/>
      <c r="O21" s="5"/>
    </row>
    <row r="22" spans="1:17" s="243" customFormat="1" ht="15" customHeight="1">
      <c r="A22" s="775" t="s">
        <v>495</v>
      </c>
      <c r="B22" s="775"/>
      <c r="C22" s="775"/>
      <c r="D22" s="775"/>
      <c r="E22" s="775"/>
      <c r="F22" s="775"/>
      <c r="G22" s="775"/>
      <c r="H22" s="775"/>
      <c r="I22" s="775"/>
      <c r="J22" s="775"/>
      <c r="K22" s="775"/>
      <c r="L22" s="775"/>
      <c r="M22" s="775"/>
      <c r="N22" s="775"/>
      <c r="O22" s="775"/>
      <c r="P22" s="242"/>
    </row>
    <row r="23" spans="1:17" ht="15" customHeight="1">
      <c r="A23" s="776" t="s">
        <v>496</v>
      </c>
      <c r="B23" s="776"/>
      <c r="C23" s="776"/>
      <c r="D23" s="776"/>
      <c r="E23" s="776"/>
      <c r="F23" s="776"/>
      <c r="G23" s="776"/>
      <c r="H23" s="776"/>
      <c r="I23" s="776"/>
      <c r="J23" s="776"/>
      <c r="K23" s="776"/>
      <c r="L23" s="776"/>
      <c r="M23" s="776"/>
      <c r="N23" s="776"/>
      <c r="O23" s="97"/>
      <c r="P23" s="97"/>
      <c r="Q23" s="97"/>
    </row>
    <row r="24" spans="1:17" ht="15" customHeight="1">
      <c r="A24" s="742" t="s">
        <v>362</v>
      </c>
      <c r="B24" s="742"/>
      <c r="C24" s="742"/>
      <c r="D24" s="742"/>
      <c r="E24" s="742"/>
      <c r="F24" s="742"/>
      <c r="G24" s="742"/>
      <c r="H24" s="742"/>
      <c r="I24" s="742"/>
      <c r="J24" s="742"/>
      <c r="K24" s="742"/>
      <c r="L24" s="742"/>
      <c r="M24" s="742"/>
      <c r="N24" s="742"/>
      <c r="O24" s="742"/>
      <c r="P24" s="97"/>
      <c r="Q24" s="97"/>
    </row>
    <row r="25" spans="1:17" ht="15" customHeight="1">
      <c r="A25" s="242" t="s">
        <v>363</v>
      </c>
      <c r="B25" s="242"/>
      <c r="C25" s="242"/>
      <c r="D25" s="242"/>
      <c r="E25" s="97"/>
      <c r="F25" s="97"/>
      <c r="G25" s="97"/>
      <c r="H25" s="97"/>
      <c r="I25" s="97"/>
      <c r="J25" s="97"/>
      <c r="K25" s="97"/>
      <c r="L25" s="97"/>
      <c r="M25" s="97"/>
      <c r="N25" s="97"/>
      <c r="O25" s="97"/>
      <c r="P25" s="97"/>
      <c r="Q25" s="97"/>
    </row>
    <row r="26" spans="1:17" ht="15" customHeight="1">
      <c r="A26" s="742" t="s">
        <v>364</v>
      </c>
      <c r="B26" s="743"/>
      <c r="C26" s="743"/>
      <c r="D26" s="743"/>
      <c r="E26" s="743"/>
      <c r="F26" s="743"/>
      <c r="G26" s="743"/>
      <c r="H26" s="743"/>
      <c r="I26" s="243"/>
      <c r="J26" s="97"/>
      <c r="K26" s="97"/>
      <c r="L26" s="97"/>
      <c r="M26" s="97"/>
      <c r="N26" s="97"/>
      <c r="O26" s="97"/>
      <c r="P26" s="97"/>
      <c r="Q26" s="97"/>
    </row>
    <row r="27" spans="1:17" ht="15" customHeight="1">
      <c r="A27" s="742" t="s">
        <v>365</v>
      </c>
      <c r="B27" s="743"/>
      <c r="C27" s="743"/>
      <c r="D27" s="743"/>
      <c r="E27" s="743"/>
      <c r="F27" s="743"/>
      <c r="G27" s="743"/>
      <c r="H27" s="743"/>
      <c r="I27" s="743"/>
      <c r="J27" s="743"/>
      <c r="K27" s="743"/>
      <c r="L27" s="743"/>
      <c r="M27" s="743"/>
      <c r="N27" s="743"/>
      <c r="O27" s="743"/>
      <c r="P27" s="97"/>
      <c r="Q27" s="97"/>
    </row>
    <row r="28" spans="1:17" ht="15" customHeight="1">
      <c r="A28" s="242" t="s">
        <v>366</v>
      </c>
      <c r="B28" s="243"/>
      <c r="C28" s="243"/>
      <c r="D28" s="243"/>
      <c r="E28" s="243"/>
      <c r="F28" s="243"/>
      <c r="G28" s="243"/>
      <c r="H28" s="243"/>
      <c r="I28" s="243"/>
      <c r="J28" s="97"/>
      <c r="K28" s="97"/>
      <c r="L28" s="97"/>
      <c r="M28" s="97"/>
      <c r="N28" s="97"/>
      <c r="O28" s="97"/>
      <c r="P28" s="97"/>
      <c r="Q28" s="97"/>
    </row>
    <row r="29" spans="1:17" ht="15" customHeight="1">
      <c r="A29" s="742" t="s">
        <v>367</v>
      </c>
      <c r="B29" s="743"/>
      <c r="C29" s="743"/>
      <c r="D29" s="743"/>
      <c r="E29" s="743"/>
      <c r="F29" s="743"/>
      <c r="G29" s="743"/>
      <c r="H29" s="743"/>
      <c r="I29" s="743"/>
      <c r="J29" s="743"/>
      <c r="K29" s="97"/>
      <c r="L29" s="97"/>
      <c r="M29" s="97"/>
      <c r="N29" s="97"/>
      <c r="O29" s="97"/>
      <c r="P29" s="97"/>
      <c r="Q29" s="97"/>
    </row>
    <row r="30" spans="1:17" ht="15" customHeight="1">
      <c r="A30" s="742" t="s">
        <v>368</v>
      </c>
      <c r="B30" s="743"/>
      <c r="C30" s="743"/>
      <c r="D30" s="743"/>
      <c r="E30" s="743"/>
      <c r="F30" s="743"/>
      <c r="G30" s="743"/>
      <c r="H30" s="743"/>
      <c r="I30" s="743"/>
      <c r="J30" s="743"/>
      <c r="K30" s="743"/>
      <c r="L30" s="743"/>
      <c r="M30" s="743"/>
      <c r="N30" s="743"/>
      <c r="O30" s="97"/>
      <c r="P30" s="97"/>
      <c r="Q30" s="97"/>
    </row>
    <row r="31" spans="1:17" s="243" customFormat="1" ht="15" customHeight="1">
      <c r="A31" s="242" t="s">
        <v>369</v>
      </c>
      <c r="B31" s="242"/>
      <c r="C31" s="242"/>
      <c r="D31" s="242"/>
      <c r="E31" s="242"/>
      <c r="F31" s="242"/>
      <c r="G31" s="242"/>
      <c r="H31" s="242"/>
      <c r="I31" s="242"/>
      <c r="J31" s="242"/>
      <c r="K31" s="242"/>
      <c r="L31" s="242"/>
      <c r="M31" s="216"/>
      <c r="N31" s="242"/>
      <c r="O31" s="242"/>
    </row>
    <row r="32" spans="1:17" s="243" customFormat="1" ht="15" customHeight="1">
      <c r="A32" s="242"/>
      <c r="B32" s="242"/>
      <c r="C32" s="242" t="s">
        <v>370</v>
      </c>
      <c r="D32" s="242"/>
      <c r="E32" s="242"/>
      <c r="F32" s="242"/>
      <c r="G32" s="242"/>
      <c r="H32" s="242"/>
      <c r="I32" s="242"/>
      <c r="J32" s="242"/>
      <c r="K32" s="242"/>
      <c r="L32" s="242"/>
      <c r="M32" s="242"/>
      <c r="N32" s="242"/>
      <c r="O32" s="242"/>
    </row>
    <row r="33" spans="1:17" ht="5.25" customHeight="1">
      <c r="A33" s="97"/>
      <c r="B33" s="97"/>
      <c r="C33" s="97"/>
      <c r="D33" s="97"/>
      <c r="E33" s="97"/>
      <c r="F33" s="97"/>
      <c r="G33" s="97"/>
      <c r="H33" s="97"/>
      <c r="I33" s="97"/>
      <c r="J33" s="97"/>
      <c r="K33" s="97"/>
      <c r="L33" s="97"/>
      <c r="M33" s="97"/>
      <c r="N33" s="97"/>
      <c r="O33" s="97"/>
      <c r="P33" s="97"/>
      <c r="Q33" s="97"/>
    </row>
    <row r="34" spans="1:17" ht="18.75" customHeight="1" thickBot="1">
      <c r="A34" s="97" t="s">
        <v>371</v>
      </c>
      <c r="B34" s="97"/>
      <c r="E34" s="97"/>
      <c r="F34" s="97"/>
      <c r="G34" s="97"/>
      <c r="H34" s="97"/>
      <c r="I34" s="97"/>
      <c r="J34" s="97"/>
      <c r="K34" s="97"/>
      <c r="L34" s="97"/>
      <c r="M34" s="113"/>
      <c r="N34" s="113"/>
      <c r="O34" s="113"/>
      <c r="P34" s="113"/>
      <c r="Q34" s="97"/>
    </row>
    <row r="35" spans="1:17" ht="15" customHeight="1">
      <c r="A35" s="677" t="s">
        <v>372</v>
      </c>
      <c r="B35" s="692"/>
      <c r="C35" s="694"/>
      <c r="D35" s="657" t="s">
        <v>373</v>
      </c>
      <c r="E35" s="694"/>
      <c r="F35" s="657" t="s">
        <v>374</v>
      </c>
      <c r="G35" s="692"/>
      <c r="H35" s="692"/>
      <c r="I35" s="239"/>
      <c r="J35" s="657" t="s">
        <v>375</v>
      </c>
      <c r="K35" s="744"/>
      <c r="L35" s="97"/>
      <c r="M35" s="113"/>
      <c r="N35" s="113"/>
      <c r="O35" s="113"/>
      <c r="P35" s="113"/>
      <c r="Q35" s="113"/>
    </row>
    <row r="36" spans="1:17" ht="15.75" customHeight="1">
      <c r="A36" s="728"/>
      <c r="B36" s="729"/>
      <c r="C36" s="730"/>
      <c r="D36" s="443" t="s">
        <v>376</v>
      </c>
      <c r="E36" s="445"/>
      <c r="F36" s="6"/>
      <c r="G36" s="6"/>
      <c r="H36" s="6"/>
      <c r="I36" s="6"/>
      <c r="J36" s="443" t="s">
        <v>376</v>
      </c>
      <c r="K36" s="734"/>
      <c r="L36" s="97"/>
      <c r="M36" s="113"/>
      <c r="N36" s="113"/>
      <c r="O36" s="113"/>
      <c r="P36" s="113"/>
      <c r="Q36" s="113"/>
    </row>
    <row r="37" spans="1:17" ht="12" customHeight="1">
      <c r="A37" s="731"/>
      <c r="B37" s="732"/>
      <c r="C37" s="733"/>
      <c r="D37" s="446"/>
      <c r="E37" s="448"/>
      <c r="F37" s="217"/>
      <c r="G37" s="217"/>
      <c r="H37" s="217"/>
      <c r="I37" s="113"/>
      <c r="J37" s="446"/>
      <c r="K37" s="735"/>
      <c r="L37" s="113"/>
      <c r="M37" s="113"/>
      <c r="N37" s="113"/>
      <c r="O37" s="113"/>
      <c r="P37" s="113"/>
      <c r="Q37" s="113"/>
    </row>
    <row r="38" spans="1:17" ht="12" customHeight="1">
      <c r="A38" s="728"/>
      <c r="B38" s="729"/>
      <c r="C38" s="730"/>
      <c r="D38" s="443" t="s">
        <v>376</v>
      </c>
      <c r="E38" s="445"/>
      <c r="F38" s="6"/>
      <c r="G38" s="6"/>
      <c r="H38" s="6"/>
      <c r="I38" s="6"/>
      <c r="J38" s="443" t="s">
        <v>376</v>
      </c>
      <c r="K38" s="734"/>
      <c r="L38" s="97"/>
      <c r="M38" s="113"/>
      <c r="N38" s="113"/>
      <c r="O38" s="113"/>
      <c r="P38" s="113"/>
      <c r="Q38" s="113"/>
    </row>
    <row r="39" spans="1:17" ht="12" customHeight="1" thickBot="1">
      <c r="A39" s="736"/>
      <c r="B39" s="737"/>
      <c r="C39" s="738"/>
      <c r="D39" s="739"/>
      <c r="E39" s="740"/>
      <c r="F39" s="214"/>
      <c r="G39" s="214"/>
      <c r="H39" s="214"/>
      <c r="I39" s="214"/>
      <c r="J39" s="739"/>
      <c r="K39" s="741"/>
      <c r="L39" s="113"/>
      <c r="M39" s="113"/>
      <c r="N39" s="113"/>
      <c r="O39" s="113"/>
      <c r="P39" s="113"/>
      <c r="Q39" s="113"/>
    </row>
    <row r="40" spans="1:17" ht="12" customHeight="1">
      <c r="A40" s="97"/>
      <c r="B40" s="97"/>
      <c r="C40" s="97" t="s">
        <v>377</v>
      </c>
      <c r="D40" s="97"/>
      <c r="E40" s="97"/>
      <c r="F40" s="97"/>
      <c r="G40" s="97"/>
      <c r="H40" s="97"/>
      <c r="I40" s="97"/>
      <c r="J40" s="97"/>
      <c r="K40" s="97"/>
      <c r="L40" s="97"/>
      <c r="M40" s="113"/>
      <c r="N40" s="113"/>
      <c r="O40" s="113"/>
      <c r="P40" s="113"/>
      <c r="Q40" s="113"/>
    </row>
    <row r="41" spans="1:17" ht="15" customHeight="1">
      <c r="M41" s="294"/>
      <c r="N41" s="294"/>
      <c r="O41" s="294"/>
      <c r="P41" s="294"/>
      <c r="Q41" s="113"/>
    </row>
    <row r="42" spans="1:17" ht="15" customHeight="1">
      <c r="Q42" s="294"/>
    </row>
  </sheetData>
  <mergeCells count="25">
    <mergeCell ref="A26:H26"/>
    <mergeCell ref="A3:D5"/>
    <mergeCell ref="G3:K3"/>
    <mergeCell ref="A6:A15"/>
    <mergeCell ref="A16:B18"/>
    <mergeCell ref="C16:D16"/>
    <mergeCell ref="E16:E18"/>
    <mergeCell ref="C19:D19"/>
    <mergeCell ref="A20:B21"/>
    <mergeCell ref="A22:O22"/>
    <mergeCell ref="A23:N23"/>
    <mergeCell ref="A24:O24"/>
    <mergeCell ref="A27:O27"/>
    <mergeCell ref="A29:J29"/>
    <mergeCell ref="A30:N30"/>
    <mergeCell ref="A35:C35"/>
    <mergeCell ref="D35:E35"/>
    <mergeCell ref="F35:H35"/>
    <mergeCell ref="J35:K35"/>
    <mergeCell ref="A36:C37"/>
    <mergeCell ref="D36:E37"/>
    <mergeCell ref="J36:K37"/>
    <mergeCell ref="A38:C39"/>
    <mergeCell ref="D38:E39"/>
    <mergeCell ref="J38:K39"/>
  </mergeCells>
  <phoneticPr fontId="1"/>
  <pageMargins left="0.7" right="0.7" top="0.75" bottom="0.75" header="0.3" footer="0.3"/>
  <pageSetup paperSize="9" scale="82"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86"/>
  <sheetViews>
    <sheetView view="pageBreakPreview" zoomScaleNormal="100" zoomScaleSheetLayoutView="100" workbookViewId="0">
      <pane xSplit="4" ySplit="3" topLeftCell="E34" activePane="bottomRight" state="frozen"/>
      <selection activeCell="K15" sqref="K15"/>
      <selection pane="topRight" activeCell="K15" sqref="K15"/>
      <selection pane="bottomLeft" activeCell="K15" sqref="K15"/>
      <selection pane="bottomRight" activeCell="K15" sqref="K15"/>
    </sheetView>
  </sheetViews>
  <sheetFormatPr defaultColWidth="4.5" defaultRowHeight="12"/>
  <cols>
    <col min="1" max="3" width="3.75" style="218" customWidth="1"/>
    <col min="4" max="4" width="6" style="218" customWidth="1"/>
    <col min="5" max="5" width="5.25" style="218" customWidth="1"/>
    <col min="6" max="29" width="6.25" style="218" customWidth="1"/>
    <col min="30" max="30" width="4.875" style="218" customWidth="1"/>
    <col min="31" max="31" width="5.625" style="218" customWidth="1"/>
    <col min="32" max="34" width="6.625" style="218" customWidth="1"/>
    <col min="35" max="251" width="4.5" style="218"/>
    <col min="252" max="254" width="3.75" style="218" customWidth="1"/>
    <col min="255" max="255" width="6" style="218" customWidth="1"/>
    <col min="256" max="275" width="4.5" style="218" customWidth="1"/>
    <col min="276" max="285" width="3.75" style="218" customWidth="1"/>
    <col min="286" max="286" width="4.875" style="218" customWidth="1"/>
    <col min="287" max="287" width="5.625" style="218" customWidth="1"/>
    <col min="288" max="290" width="6.625" style="218" customWidth="1"/>
    <col min="291" max="507" width="4.5" style="218"/>
    <col min="508" max="510" width="3.75" style="218" customWidth="1"/>
    <col min="511" max="511" width="6" style="218" customWidth="1"/>
    <col min="512" max="531" width="4.5" style="218" customWidth="1"/>
    <col min="532" max="541" width="3.75" style="218" customWidth="1"/>
    <col min="542" max="542" width="4.875" style="218" customWidth="1"/>
    <col min="543" max="543" width="5.625" style="218" customWidth="1"/>
    <col min="544" max="546" width="6.625" style="218" customWidth="1"/>
    <col min="547" max="763" width="4.5" style="218"/>
    <col min="764" max="766" width="3.75" style="218" customWidth="1"/>
    <col min="767" max="767" width="6" style="218" customWidth="1"/>
    <col min="768" max="787" width="4.5" style="218" customWidth="1"/>
    <col min="788" max="797" width="3.75" style="218" customWidth="1"/>
    <col min="798" max="798" width="4.875" style="218" customWidth="1"/>
    <col min="799" max="799" width="5.625" style="218" customWidth="1"/>
    <col min="800" max="802" width="6.625" style="218" customWidth="1"/>
    <col min="803" max="1019" width="4.5" style="218"/>
    <col min="1020" max="1022" width="3.75" style="218" customWidth="1"/>
    <col min="1023" max="1023" width="6" style="218" customWidth="1"/>
    <col min="1024" max="1043" width="4.5" style="218" customWidth="1"/>
    <col min="1044" max="1053" width="3.75" style="218" customWidth="1"/>
    <col min="1054" max="1054" width="4.875" style="218" customWidth="1"/>
    <col min="1055" max="1055" width="5.625" style="218" customWidth="1"/>
    <col min="1056" max="1058" width="6.625" style="218" customWidth="1"/>
    <col min="1059" max="1275" width="4.5" style="218"/>
    <col min="1276" max="1278" width="3.75" style="218" customWidth="1"/>
    <col min="1279" max="1279" width="6" style="218" customWidth="1"/>
    <col min="1280" max="1299" width="4.5" style="218" customWidth="1"/>
    <col min="1300" max="1309" width="3.75" style="218" customWidth="1"/>
    <col min="1310" max="1310" width="4.875" style="218" customWidth="1"/>
    <col min="1311" max="1311" width="5.625" style="218" customWidth="1"/>
    <col min="1312" max="1314" width="6.625" style="218" customWidth="1"/>
    <col min="1315" max="1531" width="4.5" style="218"/>
    <col min="1532" max="1534" width="3.75" style="218" customWidth="1"/>
    <col min="1535" max="1535" width="6" style="218" customWidth="1"/>
    <col min="1536" max="1555" width="4.5" style="218" customWidth="1"/>
    <col min="1556" max="1565" width="3.75" style="218" customWidth="1"/>
    <col min="1566" max="1566" width="4.875" style="218" customWidth="1"/>
    <col min="1567" max="1567" width="5.625" style="218" customWidth="1"/>
    <col min="1568" max="1570" width="6.625" style="218" customWidth="1"/>
    <col min="1571" max="1787" width="4.5" style="218"/>
    <col min="1788" max="1790" width="3.75" style="218" customWidth="1"/>
    <col min="1791" max="1791" width="6" style="218" customWidth="1"/>
    <col min="1792" max="1811" width="4.5" style="218" customWidth="1"/>
    <col min="1812" max="1821" width="3.75" style="218" customWidth="1"/>
    <col min="1822" max="1822" width="4.875" style="218" customWidth="1"/>
    <col min="1823" max="1823" width="5.625" style="218" customWidth="1"/>
    <col min="1824" max="1826" width="6.625" style="218" customWidth="1"/>
    <col min="1827" max="2043" width="4.5" style="218"/>
    <col min="2044" max="2046" width="3.75" style="218" customWidth="1"/>
    <col min="2047" max="2047" width="6" style="218" customWidth="1"/>
    <col min="2048" max="2067" width="4.5" style="218" customWidth="1"/>
    <col min="2068" max="2077" width="3.75" style="218" customWidth="1"/>
    <col min="2078" max="2078" width="4.875" style="218" customWidth="1"/>
    <col min="2079" max="2079" width="5.625" style="218" customWidth="1"/>
    <col min="2080" max="2082" width="6.625" style="218" customWidth="1"/>
    <col min="2083" max="2299" width="4.5" style="218"/>
    <col min="2300" max="2302" width="3.75" style="218" customWidth="1"/>
    <col min="2303" max="2303" width="6" style="218" customWidth="1"/>
    <col min="2304" max="2323" width="4.5" style="218" customWidth="1"/>
    <col min="2324" max="2333" width="3.75" style="218" customWidth="1"/>
    <col min="2334" max="2334" width="4.875" style="218" customWidth="1"/>
    <col min="2335" max="2335" width="5.625" style="218" customWidth="1"/>
    <col min="2336" max="2338" width="6.625" style="218" customWidth="1"/>
    <col min="2339" max="2555" width="4.5" style="218"/>
    <col min="2556" max="2558" width="3.75" style="218" customWidth="1"/>
    <col min="2559" max="2559" width="6" style="218" customWidth="1"/>
    <col min="2560" max="2579" width="4.5" style="218" customWidth="1"/>
    <col min="2580" max="2589" width="3.75" style="218" customWidth="1"/>
    <col min="2590" max="2590" width="4.875" style="218" customWidth="1"/>
    <col min="2591" max="2591" width="5.625" style="218" customWidth="1"/>
    <col min="2592" max="2594" width="6.625" style="218" customWidth="1"/>
    <col min="2595" max="2811" width="4.5" style="218"/>
    <col min="2812" max="2814" width="3.75" style="218" customWidth="1"/>
    <col min="2815" max="2815" width="6" style="218" customWidth="1"/>
    <col min="2816" max="2835" width="4.5" style="218" customWidth="1"/>
    <col min="2836" max="2845" width="3.75" style="218" customWidth="1"/>
    <col min="2846" max="2846" width="4.875" style="218" customWidth="1"/>
    <col min="2847" max="2847" width="5.625" style="218" customWidth="1"/>
    <col min="2848" max="2850" width="6.625" style="218" customWidth="1"/>
    <col min="2851" max="3067" width="4.5" style="218"/>
    <col min="3068" max="3070" width="3.75" style="218" customWidth="1"/>
    <col min="3071" max="3071" width="6" style="218" customWidth="1"/>
    <col min="3072" max="3091" width="4.5" style="218" customWidth="1"/>
    <col min="3092" max="3101" width="3.75" style="218" customWidth="1"/>
    <col min="3102" max="3102" width="4.875" style="218" customWidth="1"/>
    <col min="3103" max="3103" width="5.625" style="218" customWidth="1"/>
    <col min="3104" max="3106" width="6.625" style="218" customWidth="1"/>
    <col min="3107" max="3323" width="4.5" style="218"/>
    <col min="3324" max="3326" width="3.75" style="218" customWidth="1"/>
    <col min="3327" max="3327" width="6" style="218" customWidth="1"/>
    <col min="3328" max="3347" width="4.5" style="218" customWidth="1"/>
    <col min="3348" max="3357" width="3.75" style="218" customWidth="1"/>
    <col min="3358" max="3358" width="4.875" style="218" customWidth="1"/>
    <col min="3359" max="3359" width="5.625" style="218" customWidth="1"/>
    <col min="3360" max="3362" width="6.625" style="218" customWidth="1"/>
    <col min="3363" max="3579" width="4.5" style="218"/>
    <col min="3580" max="3582" width="3.75" style="218" customWidth="1"/>
    <col min="3583" max="3583" width="6" style="218" customWidth="1"/>
    <col min="3584" max="3603" width="4.5" style="218" customWidth="1"/>
    <col min="3604" max="3613" width="3.75" style="218" customWidth="1"/>
    <col min="3614" max="3614" width="4.875" style="218" customWidth="1"/>
    <col min="3615" max="3615" width="5.625" style="218" customWidth="1"/>
    <col min="3616" max="3618" width="6.625" style="218" customWidth="1"/>
    <col min="3619" max="3835" width="4.5" style="218"/>
    <col min="3836" max="3838" width="3.75" style="218" customWidth="1"/>
    <col min="3839" max="3839" width="6" style="218" customWidth="1"/>
    <col min="3840" max="3859" width="4.5" style="218" customWidth="1"/>
    <col min="3860" max="3869" width="3.75" style="218" customWidth="1"/>
    <col min="3870" max="3870" width="4.875" style="218" customWidth="1"/>
    <col min="3871" max="3871" width="5.625" style="218" customWidth="1"/>
    <col min="3872" max="3874" width="6.625" style="218" customWidth="1"/>
    <col min="3875" max="4091" width="4.5" style="218"/>
    <col min="4092" max="4094" width="3.75" style="218" customWidth="1"/>
    <col min="4095" max="4095" width="6" style="218" customWidth="1"/>
    <col min="4096" max="4115" width="4.5" style="218" customWidth="1"/>
    <col min="4116" max="4125" width="3.75" style="218" customWidth="1"/>
    <col min="4126" max="4126" width="4.875" style="218" customWidth="1"/>
    <col min="4127" max="4127" width="5.625" style="218" customWidth="1"/>
    <col min="4128" max="4130" width="6.625" style="218" customWidth="1"/>
    <col min="4131" max="4347" width="4.5" style="218"/>
    <col min="4348" max="4350" width="3.75" style="218" customWidth="1"/>
    <col min="4351" max="4351" width="6" style="218" customWidth="1"/>
    <col min="4352" max="4371" width="4.5" style="218" customWidth="1"/>
    <col min="4372" max="4381" width="3.75" style="218" customWidth="1"/>
    <col min="4382" max="4382" width="4.875" style="218" customWidth="1"/>
    <col min="4383" max="4383" width="5.625" style="218" customWidth="1"/>
    <col min="4384" max="4386" width="6.625" style="218" customWidth="1"/>
    <col min="4387" max="4603" width="4.5" style="218"/>
    <col min="4604" max="4606" width="3.75" style="218" customWidth="1"/>
    <col min="4607" max="4607" width="6" style="218" customWidth="1"/>
    <col min="4608" max="4627" width="4.5" style="218" customWidth="1"/>
    <col min="4628" max="4637" width="3.75" style="218" customWidth="1"/>
    <col min="4638" max="4638" width="4.875" style="218" customWidth="1"/>
    <col min="4639" max="4639" width="5.625" style="218" customWidth="1"/>
    <col min="4640" max="4642" width="6.625" style="218" customWidth="1"/>
    <col min="4643" max="4859" width="4.5" style="218"/>
    <col min="4860" max="4862" width="3.75" style="218" customWidth="1"/>
    <col min="4863" max="4863" width="6" style="218" customWidth="1"/>
    <col min="4864" max="4883" width="4.5" style="218" customWidth="1"/>
    <col min="4884" max="4893" width="3.75" style="218" customWidth="1"/>
    <col min="4894" max="4894" width="4.875" style="218" customWidth="1"/>
    <col min="4895" max="4895" width="5.625" style="218" customWidth="1"/>
    <col min="4896" max="4898" width="6.625" style="218" customWidth="1"/>
    <col min="4899" max="5115" width="4.5" style="218"/>
    <col min="5116" max="5118" width="3.75" style="218" customWidth="1"/>
    <col min="5119" max="5119" width="6" style="218" customWidth="1"/>
    <col min="5120" max="5139" width="4.5" style="218" customWidth="1"/>
    <col min="5140" max="5149" width="3.75" style="218" customWidth="1"/>
    <col min="5150" max="5150" width="4.875" style="218" customWidth="1"/>
    <col min="5151" max="5151" width="5.625" style="218" customWidth="1"/>
    <col min="5152" max="5154" width="6.625" style="218" customWidth="1"/>
    <col min="5155" max="5371" width="4.5" style="218"/>
    <col min="5372" max="5374" width="3.75" style="218" customWidth="1"/>
    <col min="5375" max="5375" width="6" style="218" customWidth="1"/>
    <col min="5376" max="5395" width="4.5" style="218" customWidth="1"/>
    <col min="5396" max="5405" width="3.75" style="218" customWidth="1"/>
    <col min="5406" max="5406" width="4.875" style="218" customWidth="1"/>
    <col min="5407" max="5407" width="5.625" style="218" customWidth="1"/>
    <col min="5408" max="5410" width="6.625" style="218" customWidth="1"/>
    <col min="5411" max="5627" width="4.5" style="218"/>
    <col min="5628" max="5630" width="3.75" style="218" customWidth="1"/>
    <col min="5631" max="5631" width="6" style="218" customWidth="1"/>
    <col min="5632" max="5651" width="4.5" style="218" customWidth="1"/>
    <col min="5652" max="5661" width="3.75" style="218" customWidth="1"/>
    <col min="5662" max="5662" width="4.875" style="218" customWidth="1"/>
    <col min="5663" max="5663" width="5.625" style="218" customWidth="1"/>
    <col min="5664" max="5666" width="6.625" style="218" customWidth="1"/>
    <col min="5667" max="5883" width="4.5" style="218"/>
    <col min="5884" max="5886" width="3.75" style="218" customWidth="1"/>
    <col min="5887" max="5887" width="6" style="218" customWidth="1"/>
    <col min="5888" max="5907" width="4.5" style="218" customWidth="1"/>
    <col min="5908" max="5917" width="3.75" style="218" customWidth="1"/>
    <col min="5918" max="5918" width="4.875" style="218" customWidth="1"/>
    <col min="5919" max="5919" width="5.625" style="218" customWidth="1"/>
    <col min="5920" max="5922" width="6.625" style="218" customWidth="1"/>
    <col min="5923" max="6139" width="4.5" style="218"/>
    <col min="6140" max="6142" width="3.75" style="218" customWidth="1"/>
    <col min="6143" max="6143" width="6" style="218" customWidth="1"/>
    <col min="6144" max="6163" width="4.5" style="218" customWidth="1"/>
    <col min="6164" max="6173" width="3.75" style="218" customWidth="1"/>
    <col min="6174" max="6174" width="4.875" style="218" customWidth="1"/>
    <col min="6175" max="6175" width="5.625" style="218" customWidth="1"/>
    <col min="6176" max="6178" width="6.625" style="218" customWidth="1"/>
    <col min="6179" max="6395" width="4.5" style="218"/>
    <col min="6396" max="6398" width="3.75" style="218" customWidth="1"/>
    <col min="6399" max="6399" width="6" style="218" customWidth="1"/>
    <col min="6400" max="6419" width="4.5" style="218" customWidth="1"/>
    <col min="6420" max="6429" width="3.75" style="218" customWidth="1"/>
    <col min="6430" max="6430" width="4.875" style="218" customWidth="1"/>
    <col min="6431" max="6431" width="5.625" style="218" customWidth="1"/>
    <col min="6432" max="6434" width="6.625" style="218" customWidth="1"/>
    <col min="6435" max="6651" width="4.5" style="218"/>
    <col min="6652" max="6654" width="3.75" style="218" customWidth="1"/>
    <col min="6655" max="6655" width="6" style="218" customWidth="1"/>
    <col min="6656" max="6675" width="4.5" style="218" customWidth="1"/>
    <col min="6676" max="6685" width="3.75" style="218" customWidth="1"/>
    <col min="6686" max="6686" width="4.875" style="218" customWidth="1"/>
    <col min="6687" max="6687" width="5.625" style="218" customWidth="1"/>
    <col min="6688" max="6690" width="6.625" style="218" customWidth="1"/>
    <col min="6691" max="6907" width="4.5" style="218"/>
    <col min="6908" max="6910" width="3.75" style="218" customWidth="1"/>
    <col min="6911" max="6911" width="6" style="218" customWidth="1"/>
    <col min="6912" max="6931" width="4.5" style="218" customWidth="1"/>
    <col min="6932" max="6941" width="3.75" style="218" customWidth="1"/>
    <col min="6942" max="6942" width="4.875" style="218" customWidth="1"/>
    <col min="6943" max="6943" width="5.625" style="218" customWidth="1"/>
    <col min="6944" max="6946" width="6.625" style="218" customWidth="1"/>
    <col min="6947" max="7163" width="4.5" style="218"/>
    <col min="7164" max="7166" width="3.75" style="218" customWidth="1"/>
    <col min="7167" max="7167" width="6" style="218" customWidth="1"/>
    <col min="7168" max="7187" width="4.5" style="218" customWidth="1"/>
    <col min="7188" max="7197" width="3.75" style="218" customWidth="1"/>
    <col min="7198" max="7198" width="4.875" style="218" customWidth="1"/>
    <col min="7199" max="7199" width="5.625" style="218" customWidth="1"/>
    <col min="7200" max="7202" width="6.625" style="218" customWidth="1"/>
    <col min="7203" max="7419" width="4.5" style="218"/>
    <col min="7420" max="7422" width="3.75" style="218" customWidth="1"/>
    <col min="7423" max="7423" width="6" style="218" customWidth="1"/>
    <col min="7424" max="7443" width="4.5" style="218" customWidth="1"/>
    <col min="7444" max="7453" width="3.75" style="218" customWidth="1"/>
    <col min="7454" max="7454" width="4.875" style="218" customWidth="1"/>
    <col min="7455" max="7455" width="5.625" style="218" customWidth="1"/>
    <col min="7456" max="7458" width="6.625" style="218" customWidth="1"/>
    <col min="7459" max="7675" width="4.5" style="218"/>
    <col min="7676" max="7678" width="3.75" style="218" customWidth="1"/>
    <col min="7679" max="7679" width="6" style="218" customWidth="1"/>
    <col min="7680" max="7699" width="4.5" style="218" customWidth="1"/>
    <col min="7700" max="7709" width="3.75" style="218" customWidth="1"/>
    <col min="7710" max="7710" width="4.875" style="218" customWidth="1"/>
    <col min="7711" max="7711" width="5.625" style="218" customWidth="1"/>
    <col min="7712" max="7714" width="6.625" style="218" customWidth="1"/>
    <col min="7715" max="7931" width="4.5" style="218"/>
    <col min="7932" max="7934" width="3.75" style="218" customWidth="1"/>
    <col min="7935" max="7935" width="6" style="218" customWidth="1"/>
    <col min="7936" max="7955" width="4.5" style="218" customWidth="1"/>
    <col min="7956" max="7965" width="3.75" style="218" customWidth="1"/>
    <col min="7966" max="7966" width="4.875" style="218" customWidth="1"/>
    <col min="7967" max="7967" width="5.625" style="218" customWidth="1"/>
    <col min="7968" max="7970" width="6.625" style="218" customWidth="1"/>
    <col min="7971" max="8187" width="4.5" style="218"/>
    <col min="8188" max="8190" width="3.75" style="218" customWidth="1"/>
    <col min="8191" max="8191" width="6" style="218" customWidth="1"/>
    <col min="8192" max="8211" width="4.5" style="218" customWidth="1"/>
    <col min="8212" max="8221" width="3.75" style="218" customWidth="1"/>
    <col min="8222" max="8222" width="4.875" style="218" customWidth="1"/>
    <col min="8223" max="8223" width="5.625" style="218" customWidth="1"/>
    <col min="8224" max="8226" width="6.625" style="218" customWidth="1"/>
    <col min="8227" max="8443" width="4.5" style="218"/>
    <col min="8444" max="8446" width="3.75" style="218" customWidth="1"/>
    <col min="8447" max="8447" width="6" style="218" customWidth="1"/>
    <col min="8448" max="8467" width="4.5" style="218" customWidth="1"/>
    <col min="8468" max="8477" width="3.75" style="218" customWidth="1"/>
    <col min="8478" max="8478" width="4.875" style="218" customWidth="1"/>
    <col min="8479" max="8479" width="5.625" style="218" customWidth="1"/>
    <col min="8480" max="8482" width="6.625" style="218" customWidth="1"/>
    <col min="8483" max="8699" width="4.5" style="218"/>
    <col min="8700" max="8702" width="3.75" style="218" customWidth="1"/>
    <col min="8703" max="8703" width="6" style="218" customWidth="1"/>
    <col min="8704" max="8723" width="4.5" style="218" customWidth="1"/>
    <col min="8724" max="8733" width="3.75" style="218" customWidth="1"/>
    <col min="8734" max="8734" width="4.875" style="218" customWidth="1"/>
    <col min="8735" max="8735" width="5.625" style="218" customWidth="1"/>
    <col min="8736" max="8738" width="6.625" style="218" customWidth="1"/>
    <col min="8739" max="8955" width="4.5" style="218"/>
    <col min="8956" max="8958" width="3.75" style="218" customWidth="1"/>
    <col min="8959" max="8959" width="6" style="218" customWidth="1"/>
    <col min="8960" max="8979" width="4.5" style="218" customWidth="1"/>
    <col min="8980" max="8989" width="3.75" style="218" customWidth="1"/>
    <col min="8990" max="8990" width="4.875" style="218" customWidth="1"/>
    <col min="8991" max="8991" width="5.625" style="218" customWidth="1"/>
    <col min="8992" max="8994" width="6.625" style="218" customWidth="1"/>
    <col min="8995" max="9211" width="4.5" style="218"/>
    <col min="9212" max="9214" width="3.75" style="218" customWidth="1"/>
    <col min="9215" max="9215" width="6" style="218" customWidth="1"/>
    <col min="9216" max="9235" width="4.5" style="218" customWidth="1"/>
    <col min="9236" max="9245" width="3.75" style="218" customWidth="1"/>
    <col min="9246" max="9246" width="4.875" style="218" customWidth="1"/>
    <col min="9247" max="9247" width="5.625" style="218" customWidth="1"/>
    <col min="9248" max="9250" width="6.625" style="218" customWidth="1"/>
    <col min="9251" max="9467" width="4.5" style="218"/>
    <col min="9468" max="9470" width="3.75" style="218" customWidth="1"/>
    <col min="9471" max="9471" width="6" style="218" customWidth="1"/>
    <col min="9472" max="9491" width="4.5" style="218" customWidth="1"/>
    <col min="9492" max="9501" width="3.75" style="218" customWidth="1"/>
    <col min="9502" max="9502" width="4.875" style="218" customWidth="1"/>
    <col min="9503" max="9503" width="5.625" style="218" customWidth="1"/>
    <col min="9504" max="9506" width="6.625" style="218" customWidth="1"/>
    <col min="9507" max="9723" width="4.5" style="218"/>
    <col min="9724" max="9726" width="3.75" style="218" customWidth="1"/>
    <col min="9727" max="9727" width="6" style="218" customWidth="1"/>
    <col min="9728" max="9747" width="4.5" style="218" customWidth="1"/>
    <col min="9748" max="9757" width="3.75" style="218" customWidth="1"/>
    <col min="9758" max="9758" width="4.875" style="218" customWidth="1"/>
    <col min="9759" max="9759" width="5.625" style="218" customWidth="1"/>
    <col min="9760" max="9762" width="6.625" style="218" customWidth="1"/>
    <col min="9763" max="9979" width="4.5" style="218"/>
    <col min="9980" max="9982" width="3.75" style="218" customWidth="1"/>
    <col min="9983" max="9983" width="6" style="218" customWidth="1"/>
    <col min="9984" max="10003" width="4.5" style="218" customWidth="1"/>
    <col min="10004" max="10013" width="3.75" style="218" customWidth="1"/>
    <col min="10014" max="10014" width="4.875" style="218" customWidth="1"/>
    <col min="10015" max="10015" width="5.625" style="218" customWidth="1"/>
    <col min="10016" max="10018" width="6.625" style="218" customWidth="1"/>
    <col min="10019" max="10235" width="4.5" style="218"/>
    <col min="10236" max="10238" width="3.75" style="218" customWidth="1"/>
    <col min="10239" max="10239" width="6" style="218" customWidth="1"/>
    <col min="10240" max="10259" width="4.5" style="218" customWidth="1"/>
    <col min="10260" max="10269" width="3.75" style="218" customWidth="1"/>
    <col min="10270" max="10270" width="4.875" style="218" customWidth="1"/>
    <col min="10271" max="10271" width="5.625" style="218" customWidth="1"/>
    <col min="10272" max="10274" width="6.625" style="218" customWidth="1"/>
    <col min="10275" max="10491" width="4.5" style="218"/>
    <col min="10492" max="10494" width="3.75" style="218" customWidth="1"/>
    <col min="10495" max="10495" width="6" style="218" customWidth="1"/>
    <col min="10496" max="10515" width="4.5" style="218" customWidth="1"/>
    <col min="10516" max="10525" width="3.75" style="218" customWidth="1"/>
    <col min="10526" max="10526" width="4.875" style="218" customWidth="1"/>
    <col min="10527" max="10527" width="5.625" style="218" customWidth="1"/>
    <col min="10528" max="10530" width="6.625" style="218" customWidth="1"/>
    <col min="10531" max="10747" width="4.5" style="218"/>
    <col min="10748" max="10750" width="3.75" style="218" customWidth="1"/>
    <col min="10751" max="10751" width="6" style="218" customWidth="1"/>
    <col min="10752" max="10771" width="4.5" style="218" customWidth="1"/>
    <col min="10772" max="10781" width="3.75" style="218" customWidth="1"/>
    <col min="10782" max="10782" width="4.875" style="218" customWidth="1"/>
    <col min="10783" max="10783" width="5.625" style="218" customWidth="1"/>
    <col min="10784" max="10786" width="6.625" style="218" customWidth="1"/>
    <col min="10787" max="11003" width="4.5" style="218"/>
    <col min="11004" max="11006" width="3.75" style="218" customWidth="1"/>
    <col min="11007" max="11007" width="6" style="218" customWidth="1"/>
    <col min="11008" max="11027" width="4.5" style="218" customWidth="1"/>
    <col min="11028" max="11037" width="3.75" style="218" customWidth="1"/>
    <col min="11038" max="11038" width="4.875" style="218" customWidth="1"/>
    <col min="11039" max="11039" width="5.625" style="218" customWidth="1"/>
    <col min="11040" max="11042" width="6.625" style="218" customWidth="1"/>
    <col min="11043" max="11259" width="4.5" style="218"/>
    <col min="11260" max="11262" width="3.75" style="218" customWidth="1"/>
    <col min="11263" max="11263" width="6" style="218" customWidth="1"/>
    <col min="11264" max="11283" width="4.5" style="218" customWidth="1"/>
    <col min="11284" max="11293" width="3.75" style="218" customWidth="1"/>
    <col min="11294" max="11294" width="4.875" style="218" customWidth="1"/>
    <col min="11295" max="11295" width="5.625" style="218" customWidth="1"/>
    <col min="11296" max="11298" width="6.625" style="218" customWidth="1"/>
    <col min="11299" max="11515" width="4.5" style="218"/>
    <col min="11516" max="11518" width="3.75" style="218" customWidth="1"/>
    <col min="11519" max="11519" width="6" style="218" customWidth="1"/>
    <col min="11520" max="11539" width="4.5" style="218" customWidth="1"/>
    <col min="11540" max="11549" width="3.75" style="218" customWidth="1"/>
    <col min="11550" max="11550" width="4.875" style="218" customWidth="1"/>
    <col min="11551" max="11551" width="5.625" style="218" customWidth="1"/>
    <col min="11552" max="11554" width="6.625" style="218" customWidth="1"/>
    <col min="11555" max="11771" width="4.5" style="218"/>
    <col min="11772" max="11774" width="3.75" style="218" customWidth="1"/>
    <col min="11775" max="11775" width="6" style="218" customWidth="1"/>
    <col min="11776" max="11795" width="4.5" style="218" customWidth="1"/>
    <col min="11796" max="11805" width="3.75" style="218" customWidth="1"/>
    <col min="11806" max="11806" width="4.875" style="218" customWidth="1"/>
    <col min="11807" max="11807" width="5.625" style="218" customWidth="1"/>
    <col min="11808" max="11810" width="6.625" style="218" customWidth="1"/>
    <col min="11811" max="12027" width="4.5" style="218"/>
    <col min="12028" max="12030" width="3.75" style="218" customWidth="1"/>
    <col min="12031" max="12031" width="6" style="218" customWidth="1"/>
    <col min="12032" max="12051" width="4.5" style="218" customWidth="1"/>
    <col min="12052" max="12061" width="3.75" style="218" customWidth="1"/>
    <col min="12062" max="12062" width="4.875" style="218" customWidth="1"/>
    <col min="12063" max="12063" width="5.625" style="218" customWidth="1"/>
    <col min="12064" max="12066" width="6.625" style="218" customWidth="1"/>
    <col min="12067" max="12283" width="4.5" style="218"/>
    <col min="12284" max="12286" width="3.75" style="218" customWidth="1"/>
    <col min="12287" max="12287" width="6" style="218" customWidth="1"/>
    <col min="12288" max="12307" width="4.5" style="218" customWidth="1"/>
    <col min="12308" max="12317" width="3.75" style="218" customWidth="1"/>
    <col min="12318" max="12318" width="4.875" style="218" customWidth="1"/>
    <col min="12319" max="12319" width="5.625" style="218" customWidth="1"/>
    <col min="12320" max="12322" width="6.625" style="218" customWidth="1"/>
    <col min="12323" max="12539" width="4.5" style="218"/>
    <col min="12540" max="12542" width="3.75" style="218" customWidth="1"/>
    <col min="12543" max="12543" width="6" style="218" customWidth="1"/>
    <col min="12544" max="12563" width="4.5" style="218" customWidth="1"/>
    <col min="12564" max="12573" width="3.75" style="218" customWidth="1"/>
    <col min="12574" max="12574" width="4.875" style="218" customWidth="1"/>
    <col min="12575" max="12575" width="5.625" style="218" customWidth="1"/>
    <col min="12576" max="12578" width="6.625" style="218" customWidth="1"/>
    <col min="12579" max="12795" width="4.5" style="218"/>
    <col min="12796" max="12798" width="3.75" style="218" customWidth="1"/>
    <col min="12799" max="12799" width="6" style="218" customWidth="1"/>
    <col min="12800" max="12819" width="4.5" style="218" customWidth="1"/>
    <col min="12820" max="12829" width="3.75" style="218" customWidth="1"/>
    <col min="12830" max="12830" width="4.875" style="218" customWidth="1"/>
    <col min="12831" max="12831" width="5.625" style="218" customWidth="1"/>
    <col min="12832" max="12834" width="6.625" style="218" customWidth="1"/>
    <col min="12835" max="13051" width="4.5" style="218"/>
    <col min="13052" max="13054" width="3.75" style="218" customWidth="1"/>
    <col min="13055" max="13055" width="6" style="218" customWidth="1"/>
    <col min="13056" max="13075" width="4.5" style="218" customWidth="1"/>
    <col min="13076" max="13085" width="3.75" style="218" customWidth="1"/>
    <col min="13086" max="13086" width="4.875" style="218" customWidth="1"/>
    <col min="13087" max="13087" width="5.625" style="218" customWidth="1"/>
    <col min="13088" max="13090" width="6.625" style="218" customWidth="1"/>
    <col min="13091" max="13307" width="4.5" style="218"/>
    <col min="13308" max="13310" width="3.75" style="218" customWidth="1"/>
    <col min="13311" max="13311" width="6" style="218" customWidth="1"/>
    <col min="13312" max="13331" width="4.5" style="218" customWidth="1"/>
    <col min="13332" max="13341" width="3.75" style="218" customWidth="1"/>
    <col min="13342" max="13342" width="4.875" style="218" customWidth="1"/>
    <col min="13343" max="13343" width="5.625" style="218" customWidth="1"/>
    <col min="13344" max="13346" width="6.625" style="218" customWidth="1"/>
    <col min="13347" max="13563" width="4.5" style="218"/>
    <col min="13564" max="13566" width="3.75" style="218" customWidth="1"/>
    <col min="13567" max="13567" width="6" style="218" customWidth="1"/>
    <col min="13568" max="13587" width="4.5" style="218" customWidth="1"/>
    <col min="13588" max="13597" width="3.75" style="218" customWidth="1"/>
    <col min="13598" max="13598" width="4.875" style="218" customWidth="1"/>
    <col min="13599" max="13599" width="5.625" style="218" customWidth="1"/>
    <col min="13600" max="13602" width="6.625" style="218" customWidth="1"/>
    <col min="13603" max="13819" width="4.5" style="218"/>
    <col min="13820" max="13822" width="3.75" style="218" customWidth="1"/>
    <col min="13823" max="13823" width="6" style="218" customWidth="1"/>
    <col min="13824" max="13843" width="4.5" style="218" customWidth="1"/>
    <col min="13844" max="13853" width="3.75" style="218" customWidth="1"/>
    <col min="13854" max="13854" width="4.875" style="218" customWidth="1"/>
    <col min="13855" max="13855" width="5.625" style="218" customWidth="1"/>
    <col min="13856" max="13858" width="6.625" style="218" customWidth="1"/>
    <col min="13859" max="14075" width="4.5" style="218"/>
    <col min="14076" max="14078" width="3.75" style="218" customWidth="1"/>
    <col min="14079" max="14079" width="6" style="218" customWidth="1"/>
    <col min="14080" max="14099" width="4.5" style="218" customWidth="1"/>
    <col min="14100" max="14109" width="3.75" style="218" customWidth="1"/>
    <col min="14110" max="14110" width="4.875" style="218" customWidth="1"/>
    <col min="14111" max="14111" width="5.625" style="218" customWidth="1"/>
    <col min="14112" max="14114" width="6.625" style="218" customWidth="1"/>
    <col min="14115" max="14331" width="4.5" style="218"/>
    <col min="14332" max="14334" width="3.75" style="218" customWidth="1"/>
    <col min="14335" max="14335" width="6" style="218" customWidth="1"/>
    <col min="14336" max="14355" width="4.5" style="218" customWidth="1"/>
    <col min="14356" max="14365" width="3.75" style="218" customWidth="1"/>
    <col min="14366" max="14366" width="4.875" style="218" customWidth="1"/>
    <col min="14367" max="14367" width="5.625" style="218" customWidth="1"/>
    <col min="14368" max="14370" width="6.625" style="218" customWidth="1"/>
    <col min="14371" max="14587" width="4.5" style="218"/>
    <col min="14588" max="14590" width="3.75" style="218" customWidth="1"/>
    <col min="14591" max="14591" width="6" style="218" customWidth="1"/>
    <col min="14592" max="14611" width="4.5" style="218" customWidth="1"/>
    <col min="14612" max="14621" width="3.75" style="218" customWidth="1"/>
    <col min="14622" max="14622" width="4.875" style="218" customWidth="1"/>
    <col min="14623" max="14623" width="5.625" style="218" customWidth="1"/>
    <col min="14624" max="14626" width="6.625" style="218" customWidth="1"/>
    <col min="14627" max="14843" width="4.5" style="218"/>
    <col min="14844" max="14846" width="3.75" style="218" customWidth="1"/>
    <col min="14847" max="14847" width="6" style="218" customWidth="1"/>
    <col min="14848" max="14867" width="4.5" style="218" customWidth="1"/>
    <col min="14868" max="14877" width="3.75" style="218" customWidth="1"/>
    <col min="14878" max="14878" width="4.875" style="218" customWidth="1"/>
    <col min="14879" max="14879" width="5.625" style="218" customWidth="1"/>
    <col min="14880" max="14882" width="6.625" style="218" customWidth="1"/>
    <col min="14883" max="15099" width="4.5" style="218"/>
    <col min="15100" max="15102" width="3.75" style="218" customWidth="1"/>
    <col min="15103" max="15103" width="6" style="218" customWidth="1"/>
    <col min="15104" max="15123" width="4.5" style="218" customWidth="1"/>
    <col min="15124" max="15133" width="3.75" style="218" customWidth="1"/>
    <col min="15134" max="15134" width="4.875" style="218" customWidth="1"/>
    <col min="15135" max="15135" width="5.625" style="218" customWidth="1"/>
    <col min="15136" max="15138" width="6.625" style="218" customWidth="1"/>
    <col min="15139" max="15355" width="4.5" style="218"/>
    <col min="15356" max="15358" width="3.75" style="218" customWidth="1"/>
    <col min="15359" max="15359" width="6" style="218" customWidth="1"/>
    <col min="15360" max="15379" width="4.5" style="218" customWidth="1"/>
    <col min="15380" max="15389" width="3.75" style="218" customWidth="1"/>
    <col min="15390" max="15390" width="4.875" style="218" customWidth="1"/>
    <col min="15391" max="15391" width="5.625" style="218" customWidth="1"/>
    <col min="15392" max="15394" width="6.625" style="218" customWidth="1"/>
    <col min="15395" max="15611" width="4.5" style="218"/>
    <col min="15612" max="15614" width="3.75" style="218" customWidth="1"/>
    <col min="15615" max="15615" width="6" style="218" customWidth="1"/>
    <col min="15616" max="15635" width="4.5" style="218" customWidth="1"/>
    <col min="15636" max="15645" width="3.75" style="218" customWidth="1"/>
    <col min="15646" max="15646" width="4.875" style="218" customWidth="1"/>
    <col min="15647" max="15647" width="5.625" style="218" customWidth="1"/>
    <col min="15648" max="15650" width="6.625" style="218" customWidth="1"/>
    <col min="15651" max="15867" width="4.5" style="218"/>
    <col min="15868" max="15870" width="3.75" style="218" customWidth="1"/>
    <col min="15871" max="15871" width="6" style="218" customWidth="1"/>
    <col min="15872" max="15891" width="4.5" style="218" customWidth="1"/>
    <col min="15892" max="15901" width="3.75" style="218" customWidth="1"/>
    <col min="15902" max="15902" width="4.875" style="218" customWidth="1"/>
    <col min="15903" max="15903" width="5.625" style="218" customWidth="1"/>
    <col min="15904" max="15906" width="6.625" style="218" customWidth="1"/>
    <col min="15907" max="16123" width="4.5" style="218"/>
    <col min="16124" max="16126" width="3.75" style="218" customWidth="1"/>
    <col min="16127" max="16127" width="6" style="218" customWidth="1"/>
    <col min="16128" max="16147" width="4.5" style="218" customWidth="1"/>
    <col min="16148" max="16157" width="3.75" style="218" customWidth="1"/>
    <col min="16158" max="16158" width="4.875" style="218" customWidth="1"/>
    <col min="16159" max="16159" width="5.625" style="218" customWidth="1"/>
    <col min="16160" max="16162" width="6.625" style="218" customWidth="1"/>
    <col min="16163" max="16384" width="4.5" style="218"/>
  </cols>
  <sheetData>
    <row r="1" spans="1:35">
      <c r="A1" s="218" t="s">
        <v>378</v>
      </c>
    </row>
    <row r="2" spans="1:35" ht="18" thickBot="1">
      <c r="A2" s="224" t="s">
        <v>497</v>
      </c>
      <c r="B2" s="224"/>
      <c r="C2" s="224"/>
      <c r="D2" s="224"/>
      <c r="E2" s="224"/>
      <c r="F2" s="224"/>
      <c r="G2" s="224"/>
      <c r="H2" s="224"/>
      <c r="I2" s="224"/>
      <c r="J2" s="224"/>
      <c r="K2" s="224"/>
      <c r="L2" s="224"/>
      <c r="M2" s="224"/>
      <c r="N2" s="224"/>
      <c r="O2" s="224"/>
      <c r="P2" s="224"/>
      <c r="Q2" s="224"/>
      <c r="R2" s="224"/>
      <c r="S2" s="224"/>
      <c r="T2" s="224"/>
      <c r="U2" s="224"/>
      <c r="V2" s="224"/>
      <c r="W2" s="224"/>
      <c r="X2" s="224"/>
      <c r="Y2" s="224"/>
      <c r="Z2" s="224"/>
      <c r="AA2" s="224"/>
      <c r="AB2" s="224"/>
      <c r="AC2" s="224"/>
      <c r="AD2" s="224"/>
      <c r="AE2" s="224"/>
      <c r="AF2" s="224"/>
      <c r="AG2" s="224"/>
      <c r="AH2" s="224"/>
      <c r="AI2" s="224"/>
    </row>
    <row r="3" spans="1:35">
      <c r="A3" s="787" t="s">
        <v>379</v>
      </c>
      <c r="B3" s="788"/>
      <c r="C3" s="788"/>
      <c r="D3" s="789"/>
      <c r="E3" s="296"/>
      <c r="F3" s="297">
        <v>0.25</v>
      </c>
      <c r="G3" s="297">
        <v>0.29166666666666669</v>
      </c>
      <c r="H3" s="297">
        <v>0.33333333333333298</v>
      </c>
      <c r="I3" s="297">
        <v>0.375</v>
      </c>
      <c r="J3" s="297">
        <v>0.41666666666666702</v>
      </c>
      <c r="K3" s="297">
        <v>0.45833333333333298</v>
      </c>
      <c r="L3" s="297">
        <v>0.5</v>
      </c>
      <c r="M3" s="297">
        <v>0.54166666666666696</v>
      </c>
      <c r="N3" s="297">
        <v>0.58333333333333304</v>
      </c>
      <c r="O3" s="297">
        <v>0.625</v>
      </c>
      <c r="P3" s="297">
        <v>0.66666666666666696</v>
      </c>
      <c r="Q3" s="297">
        <v>0.70833333333333404</v>
      </c>
      <c r="R3" s="297">
        <v>0.75</v>
      </c>
      <c r="S3" s="297">
        <v>0.79166666666666696</v>
      </c>
      <c r="T3" s="297">
        <v>0.83333333333333404</v>
      </c>
      <c r="U3" s="297">
        <v>0.875</v>
      </c>
      <c r="V3" s="297">
        <v>0.91666666666666696</v>
      </c>
      <c r="W3" s="297">
        <v>0.95833333333333404</v>
      </c>
      <c r="X3" s="297">
        <v>1</v>
      </c>
      <c r="Y3" s="297">
        <v>4.1666666666666664E-2</v>
      </c>
      <c r="Z3" s="297">
        <v>8.3333333333333301E-2</v>
      </c>
      <c r="AA3" s="297">
        <v>0.125</v>
      </c>
      <c r="AB3" s="297">
        <v>0.16666666666666699</v>
      </c>
      <c r="AC3" s="297">
        <v>0.20833333333333301</v>
      </c>
      <c r="AD3" s="298"/>
      <c r="AE3" s="298"/>
      <c r="AF3" s="299"/>
      <c r="AG3" s="299"/>
      <c r="AH3" s="300"/>
      <c r="AI3" s="224"/>
    </row>
    <row r="4" spans="1:35" ht="14.25" customHeight="1">
      <c r="A4" s="229"/>
      <c r="B4" s="224"/>
      <c r="C4" s="224"/>
      <c r="D4" s="301"/>
      <c r="E4" s="220"/>
      <c r="F4" s="221"/>
      <c r="G4" s="221"/>
      <c r="H4" s="221"/>
      <c r="I4" s="302"/>
      <c r="J4" s="221"/>
      <c r="K4" s="221"/>
      <c r="L4" s="303"/>
      <c r="M4" s="221"/>
      <c r="N4" s="221"/>
      <c r="O4" s="221"/>
      <c r="P4" s="221"/>
      <c r="Q4" s="221"/>
      <c r="R4" s="304"/>
      <c r="S4" s="305"/>
      <c r="T4" s="221"/>
      <c r="U4" s="221"/>
      <c r="V4" s="221"/>
      <c r="W4" s="221"/>
      <c r="X4" s="221"/>
      <c r="Y4" s="302"/>
      <c r="Z4" s="221"/>
      <c r="AA4" s="221"/>
      <c r="AB4" s="221"/>
      <c r="AC4" s="221"/>
      <c r="AD4" s="221"/>
      <c r="AE4" s="221" t="s">
        <v>380</v>
      </c>
      <c r="AF4" s="221" t="s">
        <v>381</v>
      </c>
      <c r="AG4" s="221"/>
      <c r="AH4" s="306"/>
      <c r="AI4" s="224"/>
    </row>
    <row r="5" spans="1:35">
      <c r="A5" s="779" t="s">
        <v>382</v>
      </c>
      <c r="B5" s="790"/>
      <c r="C5" s="790"/>
      <c r="D5" s="780"/>
      <c r="E5" s="223"/>
      <c r="F5" s="224"/>
      <c r="G5" s="224"/>
      <c r="H5" s="224"/>
      <c r="I5" s="283"/>
      <c r="J5" s="224"/>
      <c r="K5" s="224"/>
      <c r="L5" s="307"/>
      <c r="M5" s="224"/>
      <c r="N5" s="224"/>
      <c r="O5" s="224"/>
      <c r="P5" s="224"/>
      <c r="Q5" s="224"/>
      <c r="R5" s="283"/>
      <c r="S5" s="224"/>
      <c r="T5" s="224"/>
      <c r="U5" s="224"/>
      <c r="V5" s="224"/>
      <c r="W5" s="224"/>
      <c r="X5" s="224"/>
      <c r="Y5" s="283"/>
      <c r="Z5" s="224"/>
      <c r="AA5" s="224"/>
      <c r="AB5" s="224"/>
      <c r="AC5" s="224"/>
      <c r="AD5" s="224"/>
      <c r="AE5" s="224"/>
      <c r="AF5" s="224" t="s">
        <v>383</v>
      </c>
      <c r="AG5" s="224"/>
      <c r="AH5" s="308"/>
      <c r="AI5" s="224"/>
    </row>
    <row r="6" spans="1:35">
      <c r="A6" s="309"/>
      <c r="B6" s="228"/>
      <c r="C6" s="228"/>
      <c r="D6" s="310"/>
      <c r="E6" s="227"/>
      <c r="F6" s="228"/>
      <c r="G6" s="228"/>
      <c r="H6" s="228"/>
      <c r="I6" s="281"/>
      <c r="J6" s="228"/>
      <c r="K6" s="228"/>
      <c r="L6" s="311"/>
      <c r="M6" s="228"/>
      <c r="N6" s="228"/>
      <c r="O6" s="228"/>
      <c r="P6" s="228"/>
      <c r="Q6" s="228"/>
      <c r="R6" s="281"/>
      <c r="S6" s="228"/>
      <c r="T6" s="228"/>
      <c r="U6" s="228"/>
      <c r="V6" s="228"/>
      <c r="W6" s="228"/>
      <c r="X6" s="228"/>
      <c r="Y6" s="281"/>
      <c r="Z6" s="228"/>
      <c r="AA6" s="228"/>
      <c r="AB6" s="228"/>
      <c r="AC6" s="228"/>
      <c r="AD6" s="228"/>
      <c r="AE6" s="228"/>
      <c r="AF6" s="224" t="s">
        <v>384</v>
      </c>
      <c r="AG6" s="228"/>
      <c r="AH6" s="312"/>
      <c r="AI6" s="224"/>
    </row>
    <row r="7" spans="1:35">
      <c r="A7" s="791" t="s">
        <v>385</v>
      </c>
      <c r="B7" s="792"/>
      <c r="C7" s="792"/>
      <c r="D7" s="793"/>
      <c r="E7" s="220" t="s">
        <v>386</v>
      </c>
      <c r="F7" s="221"/>
      <c r="G7" s="313"/>
      <c r="H7" s="313"/>
      <c r="I7" s="314"/>
      <c r="J7" s="313"/>
      <c r="K7" s="221"/>
      <c r="L7" s="303"/>
      <c r="M7" s="221"/>
      <c r="N7" s="221"/>
      <c r="O7" s="221"/>
      <c r="P7" s="221"/>
      <c r="Q7" s="221"/>
      <c r="R7" s="302"/>
      <c r="S7" s="221"/>
      <c r="T7" s="221"/>
      <c r="U7" s="221"/>
      <c r="V7" s="221"/>
      <c r="W7" s="221"/>
      <c r="X7" s="221"/>
      <c r="Y7" s="302"/>
      <c r="Z7" s="221"/>
      <c r="AA7" s="221"/>
      <c r="AB7" s="221"/>
      <c r="AC7" s="221"/>
      <c r="AD7" s="221"/>
      <c r="AE7" s="221"/>
      <c r="AF7" s="315" t="s">
        <v>387</v>
      </c>
      <c r="AG7" s="221" t="s">
        <v>388</v>
      </c>
      <c r="AH7" s="316" t="s">
        <v>389</v>
      </c>
      <c r="AI7" s="224"/>
    </row>
    <row r="8" spans="1:35">
      <c r="A8" s="777" t="s">
        <v>498</v>
      </c>
      <c r="B8" s="794"/>
      <c r="C8" s="794"/>
      <c r="D8" s="778"/>
      <c r="E8" s="227"/>
      <c r="F8" s="228"/>
      <c r="G8" s="228"/>
      <c r="H8" s="228"/>
      <c r="I8" s="281"/>
      <c r="J8" s="228"/>
      <c r="K8" s="228"/>
      <c r="L8" s="311"/>
      <c r="M8" s="228"/>
      <c r="N8" s="228"/>
      <c r="O8" s="228"/>
      <c r="P8" s="228"/>
      <c r="Q8" s="228"/>
      <c r="R8" s="281"/>
      <c r="S8" s="228"/>
      <c r="T8" s="228"/>
      <c r="U8" s="228"/>
      <c r="V8" s="228"/>
      <c r="W8" s="228"/>
      <c r="X8" s="228"/>
      <c r="Y8" s="281"/>
      <c r="Z8" s="228"/>
      <c r="AA8" s="228"/>
      <c r="AB8" s="228"/>
      <c r="AC8" s="228"/>
      <c r="AD8" s="228"/>
      <c r="AE8" s="228"/>
      <c r="AF8" s="317" t="s">
        <v>390</v>
      </c>
      <c r="AG8" s="228" t="s">
        <v>390</v>
      </c>
      <c r="AH8" s="318" t="s">
        <v>390</v>
      </c>
      <c r="AI8" s="224"/>
    </row>
    <row r="9" spans="1:35">
      <c r="A9" s="245"/>
      <c r="B9" s="282"/>
      <c r="C9" s="282"/>
      <c r="D9" s="246"/>
      <c r="E9" s="223"/>
      <c r="F9" s="224"/>
      <c r="G9" s="224"/>
      <c r="H9" s="224"/>
      <c r="I9" s="283"/>
      <c r="J9" s="224"/>
      <c r="K9" s="224"/>
      <c r="L9" s="307"/>
      <c r="M9" s="224"/>
      <c r="N9" s="224"/>
      <c r="O9" s="224"/>
      <c r="P9" s="224"/>
      <c r="Q9" s="224"/>
      <c r="R9" s="283"/>
      <c r="S9" s="224"/>
      <c r="T9" s="224"/>
      <c r="U9" s="224"/>
      <c r="V9" s="224"/>
      <c r="W9" s="224"/>
      <c r="X9" s="224"/>
      <c r="Y9" s="283"/>
      <c r="Z9" s="224"/>
      <c r="AA9" s="224"/>
      <c r="AB9" s="224"/>
      <c r="AC9" s="224"/>
      <c r="AD9" s="224"/>
      <c r="AE9" s="224"/>
      <c r="AF9" s="319"/>
      <c r="AG9" s="224"/>
      <c r="AH9" s="320"/>
      <c r="AI9" s="224"/>
    </row>
    <row r="10" spans="1:35">
      <c r="A10" s="229" t="s">
        <v>418</v>
      </c>
      <c r="B10" s="226"/>
      <c r="C10" s="226"/>
      <c r="D10" s="326"/>
      <c r="E10" s="223"/>
      <c r="F10" s="224"/>
      <c r="G10" s="224"/>
      <c r="H10" s="224"/>
      <c r="I10" s="283"/>
      <c r="J10" s="224"/>
      <c r="K10" s="224"/>
      <c r="L10" s="307"/>
      <c r="M10" s="224"/>
      <c r="N10" s="224"/>
      <c r="O10" s="224"/>
      <c r="P10" s="224"/>
      <c r="Q10" s="224"/>
      <c r="R10" s="283"/>
      <c r="S10" s="224"/>
      <c r="T10" s="224"/>
      <c r="U10" s="224"/>
      <c r="V10" s="224"/>
      <c r="W10" s="224"/>
      <c r="X10" s="224"/>
      <c r="Y10" s="283"/>
      <c r="Z10" s="224"/>
      <c r="AA10" s="224"/>
      <c r="AB10" s="224"/>
      <c r="AC10" s="224"/>
      <c r="AD10" s="224"/>
      <c r="AE10" s="224"/>
      <c r="AF10" s="319"/>
      <c r="AG10" s="224"/>
      <c r="AH10" s="320"/>
      <c r="AI10" s="224"/>
    </row>
    <row r="11" spans="1:35">
      <c r="A11" s="222"/>
      <c r="B11" s="221"/>
      <c r="C11" s="221"/>
      <c r="D11" s="221"/>
      <c r="E11" s="220"/>
      <c r="F11" s="221"/>
      <c r="G11" s="221"/>
      <c r="H11" s="221"/>
      <c r="I11" s="302"/>
      <c r="J11" s="221"/>
      <c r="K11" s="221"/>
      <c r="L11" s="303"/>
      <c r="M11" s="221"/>
      <c r="N11" s="221"/>
      <c r="O11" s="221"/>
      <c r="P11" s="221"/>
      <c r="Q11" s="221"/>
      <c r="R11" s="302"/>
      <c r="S11" s="221"/>
      <c r="T11" s="221"/>
      <c r="U11" s="221"/>
      <c r="V11" s="221"/>
      <c r="W11" s="221"/>
      <c r="X11" s="221"/>
      <c r="Y11" s="302"/>
      <c r="Z11" s="221"/>
      <c r="AA11" s="221"/>
      <c r="AB11" s="221"/>
      <c r="AC11" s="221"/>
      <c r="AD11" s="221"/>
      <c r="AE11" s="221"/>
      <c r="AF11" s="315"/>
      <c r="AG11" s="221"/>
      <c r="AH11" s="316"/>
      <c r="AI11" s="224"/>
    </row>
    <row r="12" spans="1:35">
      <c r="A12" s="229"/>
      <c r="B12" s="224" t="s">
        <v>419</v>
      </c>
      <c r="C12" s="224"/>
      <c r="D12" s="224"/>
      <c r="E12" s="223"/>
      <c r="F12" s="224"/>
      <c r="G12" s="224"/>
      <c r="H12" s="224"/>
      <c r="I12" s="283"/>
      <c r="J12" s="224"/>
      <c r="K12" s="224"/>
      <c r="L12" s="307"/>
      <c r="M12" s="224"/>
      <c r="N12" s="224"/>
      <c r="O12" s="224"/>
      <c r="P12" s="224"/>
      <c r="Q12" s="224"/>
      <c r="R12" s="283"/>
      <c r="S12" s="224"/>
      <c r="T12" s="224"/>
      <c r="U12" s="224"/>
      <c r="V12" s="224"/>
      <c r="W12" s="224"/>
      <c r="X12" s="224"/>
      <c r="Y12" s="283"/>
      <c r="Z12" s="224"/>
      <c r="AA12" s="224"/>
      <c r="AB12" s="224"/>
      <c r="AC12" s="224"/>
      <c r="AD12" s="224"/>
      <c r="AE12" s="224"/>
      <c r="AF12" s="319"/>
      <c r="AG12" s="224"/>
      <c r="AH12" s="320"/>
      <c r="AI12" s="224"/>
    </row>
    <row r="13" spans="1:35">
      <c r="A13" s="309"/>
      <c r="B13" s="228"/>
      <c r="C13" s="228"/>
      <c r="D13" s="228"/>
      <c r="E13" s="227"/>
      <c r="F13" s="228"/>
      <c r="G13" s="228"/>
      <c r="H13" s="228"/>
      <c r="I13" s="281"/>
      <c r="J13" s="228"/>
      <c r="K13" s="228"/>
      <c r="L13" s="311"/>
      <c r="M13" s="228"/>
      <c r="N13" s="228"/>
      <c r="O13" s="228"/>
      <c r="P13" s="228"/>
      <c r="Q13" s="228"/>
      <c r="R13" s="281"/>
      <c r="S13" s="228"/>
      <c r="T13" s="228"/>
      <c r="U13" s="228"/>
      <c r="V13" s="228"/>
      <c r="W13" s="228"/>
      <c r="X13" s="228"/>
      <c r="Y13" s="281"/>
      <c r="Z13" s="228"/>
      <c r="AA13" s="228"/>
      <c r="AB13" s="228"/>
      <c r="AC13" s="228"/>
      <c r="AD13" s="228"/>
      <c r="AE13" s="228"/>
      <c r="AF13" s="317"/>
      <c r="AG13" s="228"/>
      <c r="AH13" s="318"/>
      <c r="AI13" s="224"/>
    </row>
    <row r="14" spans="1:35" ht="14.1" customHeight="1">
      <c r="A14" s="795" t="s">
        <v>480</v>
      </c>
      <c r="B14" s="796"/>
      <c r="C14" s="223" t="s">
        <v>427</v>
      </c>
      <c r="D14" s="224"/>
      <c r="E14" s="223"/>
      <c r="F14" s="224"/>
      <c r="G14" s="224"/>
      <c r="H14" s="224"/>
      <c r="I14" s="283"/>
      <c r="J14" s="224"/>
      <c r="K14" s="224"/>
      <c r="L14" s="307"/>
      <c r="M14" s="224"/>
      <c r="N14" s="224"/>
      <c r="O14" s="224"/>
      <c r="P14" s="224"/>
      <c r="Q14" s="224"/>
      <c r="R14" s="283"/>
      <c r="S14" s="224"/>
      <c r="T14" s="224"/>
      <c r="U14" s="224"/>
      <c r="V14" s="224"/>
      <c r="W14" s="224"/>
      <c r="X14" s="224"/>
      <c r="Y14" s="283"/>
      <c r="Z14" s="224"/>
      <c r="AA14" s="224"/>
      <c r="AB14" s="224"/>
      <c r="AC14" s="224"/>
      <c r="AD14" s="224"/>
      <c r="AE14" s="224"/>
      <c r="AF14" s="319"/>
      <c r="AG14" s="224"/>
      <c r="AH14" s="320"/>
      <c r="AI14" s="224"/>
    </row>
    <row r="15" spans="1:35" ht="14.1" customHeight="1">
      <c r="A15" s="797"/>
      <c r="B15" s="798"/>
      <c r="C15" s="223"/>
      <c r="D15" s="224"/>
      <c r="E15" s="223" t="s">
        <v>386</v>
      </c>
      <c r="F15" s="224"/>
      <c r="G15" s="224"/>
      <c r="H15" s="224"/>
      <c r="I15" s="283"/>
      <c r="J15" s="224"/>
      <c r="K15" s="224"/>
      <c r="L15" s="307"/>
      <c r="M15" s="224"/>
      <c r="N15" s="224"/>
      <c r="O15" s="224"/>
      <c r="P15" s="224"/>
      <c r="Q15" s="224"/>
      <c r="R15" s="283"/>
      <c r="S15" s="224"/>
      <c r="T15" s="224"/>
      <c r="U15" s="224"/>
      <c r="V15" s="224"/>
      <c r="W15" s="224"/>
      <c r="X15" s="224"/>
      <c r="Y15" s="283"/>
      <c r="Z15" s="224"/>
      <c r="AA15" s="224"/>
      <c r="AB15" s="224"/>
      <c r="AC15" s="224"/>
      <c r="AD15" s="224"/>
      <c r="AE15" s="224"/>
      <c r="AF15" s="319"/>
      <c r="AG15" s="224"/>
      <c r="AH15" s="320"/>
      <c r="AI15" s="224"/>
    </row>
    <row r="16" spans="1:35" ht="14.1" customHeight="1">
      <c r="A16" s="797"/>
      <c r="B16" s="798"/>
      <c r="C16" s="227"/>
      <c r="D16" s="228"/>
      <c r="E16" s="227"/>
      <c r="F16" s="228"/>
      <c r="G16" s="228"/>
      <c r="H16" s="228"/>
      <c r="I16" s="281"/>
      <c r="J16" s="228"/>
      <c r="K16" s="228"/>
      <c r="L16" s="311"/>
      <c r="M16" s="228"/>
      <c r="N16" s="228"/>
      <c r="O16" s="228"/>
      <c r="P16" s="228"/>
      <c r="Q16" s="228"/>
      <c r="R16" s="281"/>
      <c r="S16" s="228"/>
      <c r="T16" s="228"/>
      <c r="U16" s="228"/>
      <c r="V16" s="228"/>
      <c r="W16" s="228"/>
      <c r="X16" s="228"/>
      <c r="Y16" s="281"/>
      <c r="Z16" s="228"/>
      <c r="AA16" s="228"/>
      <c r="AB16" s="228"/>
      <c r="AC16" s="228"/>
      <c r="AD16" s="228"/>
      <c r="AE16" s="228"/>
      <c r="AF16" s="317"/>
      <c r="AG16" s="228"/>
      <c r="AH16" s="318"/>
      <c r="AI16" s="224"/>
    </row>
    <row r="17" spans="1:35" ht="14.1" customHeight="1">
      <c r="A17" s="797"/>
      <c r="B17" s="798"/>
      <c r="C17" s="223" t="s">
        <v>408</v>
      </c>
      <c r="D17" s="224"/>
      <c r="E17" s="220"/>
      <c r="F17" s="221"/>
      <c r="G17" s="221"/>
      <c r="H17" s="221"/>
      <c r="I17" s="302"/>
      <c r="J17" s="221"/>
      <c r="K17" s="221"/>
      <c r="L17" s="303"/>
      <c r="M17" s="221"/>
      <c r="N17" s="221"/>
      <c r="O17" s="221"/>
      <c r="P17" s="221"/>
      <c r="Q17" s="221"/>
      <c r="R17" s="302"/>
      <c r="S17" s="221"/>
      <c r="T17" s="221"/>
      <c r="U17" s="221"/>
      <c r="V17" s="221"/>
      <c r="W17" s="221"/>
      <c r="X17" s="221"/>
      <c r="Y17" s="302"/>
      <c r="Z17" s="221"/>
      <c r="AA17" s="221"/>
      <c r="AB17" s="221"/>
      <c r="AC17" s="221"/>
      <c r="AD17" s="221"/>
      <c r="AE17" s="221"/>
      <c r="AF17" s="315"/>
      <c r="AG17" s="221"/>
      <c r="AH17" s="316"/>
      <c r="AI17" s="224"/>
    </row>
    <row r="18" spans="1:35" ht="14.1" customHeight="1">
      <c r="A18" s="797"/>
      <c r="B18" s="798"/>
      <c r="C18" s="223"/>
      <c r="D18" s="301"/>
      <c r="E18" s="224"/>
      <c r="F18" s="224"/>
      <c r="G18" s="224"/>
      <c r="H18" s="321"/>
      <c r="I18" s="322"/>
      <c r="J18" s="323"/>
      <c r="K18" s="321"/>
      <c r="L18" s="307"/>
      <c r="M18" s="322"/>
      <c r="N18" s="323"/>
      <c r="O18" s="323"/>
      <c r="P18" s="323"/>
      <c r="Q18" s="321"/>
      <c r="R18" s="283"/>
      <c r="S18" s="224"/>
      <c r="T18" s="224"/>
      <c r="U18" s="224"/>
      <c r="V18" s="224"/>
      <c r="W18" s="224"/>
      <c r="X18" s="224"/>
      <c r="Y18" s="283"/>
      <c r="Z18" s="224"/>
      <c r="AA18" s="224"/>
      <c r="AB18" s="224"/>
      <c r="AC18" s="224"/>
      <c r="AD18" s="224"/>
      <c r="AE18" s="224"/>
      <c r="AF18" s="319"/>
      <c r="AG18" s="224"/>
      <c r="AH18" s="320"/>
      <c r="AI18" s="224"/>
    </row>
    <row r="19" spans="1:35" ht="14.1" customHeight="1">
      <c r="A19" s="797"/>
      <c r="B19" s="798"/>
      <c r="C19" s="227" t="s">
        <v>392</v>
      </c>
      <c r="D19" s="228"/>
      <c r="E19" s="227"/>
      <c r="F19" s="228"/>
      <c r="G19" s="228"/>
      <c r="H19" s="228"/>
      <c r="I19" s="281"/>
      <c r="J19" s="228"/>
      <c r="K19" s="228"/>
      <c r="L19" s="311"/>
      <c r="M19" s="228"/>
      <c r="N19" s="228"/>
      <c r="O19" s="228"/>
      <c r="P19" s="228"/>
      <c r="Q19" s="228"/>
      <c r="R19" s="281"/>
      <c r="S19" s="228"/>
      <c r="T19" s="228"/>
      <c r="U19" s="228"/>
      <c r="V19" s="228"/>
      <c r="W19" s="228"/>
      <c r="X19" s="228"/>
      <c r="Y19" s="281"/>
      <c r="Z19" s="228"/>
      <c r="AA19" s="228"/>
      <c r="AB19" s="228"/>
      <c r="AC19" s="228"/>
      <c r="AD19" s="228"/>
      <c r="AE19" s="228"/>
      <c r="AF19" s="317"/>
      <c r="AG19" s="228"/>
      <c r="AH19" s="318"/>
      <c r="AI19" s="224"/>
    </row>
    <row r="20" spans="1:35" ht="14.1" customHeight="1">
      <c r="A20" s="797"/>
      <c r="B20" s="798"/>
      <c r="C20" s="223" t="s">
        <v>408</v>
      </c>
      <c r="D20" s="224"/>
      <c r="E20" s="220"/>
      <c r="F20" s="221"/>
      <c r="G20" s="221"/>
      <c r="H20" s="221"/>
      <c r="I20" s="302"/>
      <c r="J20" s="221"/>
      <c r="K20" s="221"/>
      <c r="L20" s="303"/>
      <c r="M20" s="221"/>
      <c r="N20" s="221"/>
      <c r="O20" s="221"/>
      <c r="P20" s="221"/>
      <c r="Q20" s="221"/>
      <c r="R20" s="302"/>
      <c r="S20" s="221"/>
      <c r="T20" s="221"/>
      <c r="U20" s="221"/>
      <c r="V20" s="221"/>
      <c r="W20" s="221"/>
      <c r="X20" s="221"/>
      <c r="Y20" s="302"/>
      <c r="Z20" s="221"/>
      <c r="AA20" s="221"/>
      <c r="AB20" s="221"/>
      <c r="AC20" s="221"/>
      <c r="AD20" s="221"/>
      <c r="AE20" s="221"/>
      <c r="AF20" s="315"/>
      <c r="AG20" s="221"/>
      <c r="AH20" s="316"/>
      <c r="AI20" s="224"/>
    </row>
    <row r="21" spans="1:35" ht="14.1" customHeight="1">
      <c r="A21" s="797"/>
      <c r="B21" s="798"/>
      <c r="C21" s="223"/>
      <c r="D21" s="224"/>
      <c r="E21" s="223" t="s">
        <v>386</v>
      </c>
      <c r="F21" s="224"/>
      <c r="G21" s="224"/>
      <c r="H21" s="224"/>
      <c r="I21" s="283"/>
      <c r="J21" s="224"/>
      <c r="K21" s="224"/>
      <c r="L21" s="307"/>
      <c r="M21" s="224"/>
      <c r="N21" s="224"/>
      <c r="O21" s="224"/>
      <c r="P21" s="224"/>
      <c r="Q21" s="224"/>
      <c r="R21" s="283"/>
      <c r="S21" s="224"/>
      <c r="T21" s="224"/>
      <c r="U21" s="224"/>
      <c r="V21" s="224"/>
      <c r="W21" s="224"/>
      <c r="X21" s="224"/>
      <c r="Y21" s="283"/>
      <c r="Z21" s="224"/>
      <c r="AA21" s="224"/>
      <c r="AB21" s="224"/>
      <c r="AC21" s="224"/>
      <c r="AD21" s="224"/>
      <c r="AE21" s="224"/>
      <c r="AF21" s="319"/>
      <c r="AG21" s="224"/>
      <c r="AH21" s="320"/>
      <c r="AI21" s="224"/>
    </row>
    <row r="22" spans="1:35" ht="14.1" customHeight="1">
      <c r="A22" s="797"/>
      <c r="B22" s="798"/>
      <c r="C22" s="227" t="s">
        <v>392</v>
      </c>
      <c r="D22" s="228"/>
      <c r="E22" s="227"/>
      <c r="F22" s="228"/>
      <c r="G22" s="228"/>
      <c r="H22" s="228"/>
      <c r="I22" s="281"/>
      <c r="J22" s="228"/>
      <c r="K22" s="228"/>
      <c r="L22" s="311"/>
      <c r="M22" s="228"/>
      <c r="N22" s="228"/>
      <c r="O22" s="228"/>
      <c r="P22" s="228"/>
      <c r="Q22" s="228"/>
      <c r="R22" s="281"/>
      <c r="S22" s="228"/>
      <c r="T22" s="228"/>
      <c r="U22" s="228"/>
      <c r="V22" s="228"/>
      <c r="W22" s="228"/>
      <c r="X22" s="228"/>
      <c r="Y22" s="281"/>
      <c r="Z22" s="228"/>
      <c r="AA22" s="228"/>
      <c r="AB22" s="228"/>
      <c r="AC22" s="228"/>
      <c r="AD22" s="228"/>
      <c r="AE22" s="228"/>
      <c r="AF22" s="317"/>
      <c r="AG22" s="228"/>
      <c r="AH22" s="318"/>
      <c r="AI22" s="224"/>
    </row>
    <row r="23" spans="1:35" ht="14.1" customHeight="1">
      <c r="A23" s="797"/>
      <c r="B23" s="798"/>
      <c r="C23" s="223" t="s">
        <v>408</v>
      </c>
      <c r="D23" s="224"/>
      <c r="E23" s="220"/>
      <c r="F23" s="221"/>
      <c r="G23" s="221"/>
      <c r="H23" s="221"/>
      <c r="I23" s="302"/>
      <c r="J23" s="221"/>
      <c r="K23" s="221"/>
      <c r="L23" s="303"/>
      <c r="M23" s="221"/>
      <c r="N23" s="221"/>
      <c r="O23" s="221"/>
      <c r="P23" s="221"/>
      <c r="Q23" s="221"/>
      <c r="R23" s="302"/>
      <c r="S23" s="221"/>
      <c r="T23" s="221"/>
      <c r="U23" s="221"/>
      <c r="V23" s="221"/>
      <c r="W23" s="221"/>
      <c r="X23" s="221"/>
      <c r="Y23" s="302"/>
      <c r="Z23" s="221"/>
      <c r="AA23" s="221"/>
      <c r="AB23" s="221"/>
      <c r="AC23" s="221"/>
      <c r="AD23" s="221"/>
      <c r="AE23" s="221"/>
      <c r="AF23" s="315"/>
      <c r="AG23" s="221"/>
      <c r="AH23" s="316"/>
      <c r="AI23" s="224"/>
    </row>
    <row r="24" spans="1:35" ht="14.1" customHeight="1">
      <c r="A24" s="797"/>
      <c r="B24" s="798"/>
      <c r="C24" s="223"/>
      <c r="D24" s="224"/>
      <c r="E24" s="223" t="s">
        <v>386</v>
      </c>
      <c r="F24" s="224"/>
      <c r="G24" s="224"/>
      <c r="H24" s="224"/>
      <c r="I24" s="283"/>
      <c r="J24" s="224"/>
      <c r="K24" s="224"/>
      <c r="L24" s="307"/>
      <c r="M24" s="224"/>
      <c r="N24" s="224"/>
      <c r="O24" s="224"/>
      <c r="P24" s="224"/>
      <c r="Q24" s="224"/>
      <c r="R24" s="283"/>
      <c r="S24" s="224"/>
      <c r="T24" s="224"/>
      <c r="U24" s="224"/>
      <c r="V24" s="224"/>
      <c r="W24" s="224"/>
      <c r="X24" s="224"/>
      <c r="Y24" s="283"/>
      <c r="Z24" s="224"/>
      <c r="AA24" s="224"/>
      <c r="AB24" s="224"/>
      <c r="AC24" s="224"/>
      <c r="AD24" s="224"/>
      <c r="AE24" s="224"/>
      <c r="AF24" s="319"/>
      <c r="AG24" s="224"/>
      <c r="AH24" s="320"/>
      <c r="AI24" s="224"/>
    </row>
    <row r="25" spans="1:35" ht="14.1" customHeight="1">
      <c r="A25" s="797"/>
      <c r="B25" s="798"/>
      <c r="C25" s="227" t="s">
        <v>392</v>
      </c>
      <c r="D25" s="228"/>
      <c r="E25" s="227"/>
      <c r="F25" s="228"/>
      <c r="G25" s="228"/>
      <c r="H25" s="228"/>
      <c r="I25" s="281"/>
      <c r="J25" s="228"/>
      <c r="K25" s="228"/>
      <c r="L25" s="311"/>
      <c r="M25" s="228"/>
      <c r="N25" s="228"/>
      <c r="O25" s="228"/>
      <c r="P25" s="228"/>
      <c r="Q25" s="228"/>
      <c r="R25" s="281"/>
      <c r="S25" s="228"/>
      <c r="T25" s="228"/>
      <c r="U25" s="228"/>
      <c r="V25" s="228"/>
      <c r="W25" s="228"/>
      <c r="X25" s="228"/>
      <c r="Y25" s="281"/>
      <c r="Z25" s="228"/>
      <c r="AA25" s="228"/>
      <c r="AB25" s="228"/>
      <c r="AC25" s="228"/>
      <c r="AD25" s="228"/>
      <c r="AE25" s="228"/>
      <c r="AF25" s="317"/>
      <c r="AG25" s="228"/>
      <c r="AH25" s="318"/>
      <c r="AI25" s="224"/>
    </row>
    <row r="26" spans="1:35" ht="14.1" customHeight="1">
      <c r="A26" s="797"/>
      <c r="B26" s="798"/>
      <c r="C26" s="223" t="s">
        <v>408</v>
      </c>
      <c r="D26" s="224"/>
      <c r="E26" s="220"/>
      <c r="F26" s="221"/>
      <c r="G26" s="221"/>
      <c r="H26" s="221"/>
      <c r="I26" s="302"/>
      <c r="J26" s="221"/>
      <c r="K26" s="221"/>
      <c r="L26" s="303"/>
      <c r="M26" s="221"/>
      <c r="N26" s="221"/>
      <c r="O26" s="221"/>
      <c r="P26" s="221"/>
      <c r="Q26" s="221"/>
      <c r="R26" s="302"/>
      <c r="S26" s="221"/>
      <c r="T26" s="221"/>
      <c r="U26" s="221"/>
      <c r="V26" s="221"/>
      <c r="W26" s="221"/>
      <c r="X26" s="221"/>
      <c r="Y26" s="302"/>
      <c r="Z26" s="221"/>
      <c r="AA26" s="221"/>
      <c r="AB26" s="221"/>
      <c r="AC26" s="221"/>
      <c r="AD26" s="221"/>
      <c r="AE26" s="221"/>
      <c r="AF26" s="315"/>
      <c r="AG26" s="221"/>
      <c r="AH26" s="316"/>
      <c r="AI26" s="224"/>
    </row>
    <row r="27" spans="1:35" ht="14.1" customHeight="1">
      <c r="A27" s="797"/>
      <c r="B27" s="798"/>
      <c r="C27" s="223"/>
      <c r="D27" s="224"/>
      <c r="E27" s="223" t="s">
        <v>386</v>
      </c>
      <c r="F27" s="224"/>
      <c r="G27" s="224"/>
      <c r="H27" s="224"/>
      <c r="I27" s="283"/>
      <c r="J27" s="224"/>
      <c r="K27" s="224"/>
      <c r="L27" s="307"/>
      <c r="M27" s="224"/>
      <c r="N27" s="224"/>
      <c r="O27" s="224"/>
      <c r="P27" s="224"/>
      <c r="Q27" s="224"/>
      <c r="R27" s="283"/>
      <c r="S27" s="224"/>
      <c r="T27" s="224"/>
      <c r="U27" s="224"/>
      <c r="V27" s="224"/>
      <c r="W27" s="224"/>
      <c r="X27" s="224"/>
      <c r="Y27" s="283"/>
      <c r="Z27" s="224"/>
      <c r="AA27" s="224"/>
      <c r="AB27" s="224"/>
      <c r="AC27" s="224"/>
      <c r="AD27" s="224"/>
      <c r="AE27" s="224"/>
      <c r="AF27" s="319"/>
      <c r="AG27" s="224"/>
      <c r="AH27" s="320"/>
      <c r="AI27" s="224"/>
    </row>
    <row r="28" spans="1:35" ht="14.1" customHeight="1">
      <c r="A28" s="797"/>
      <c r="B28" s="798"/>
      <c r="C28" s="227" t="s">
        <v>392</v>
      </c>
      <c r="D28" s="228"/>
      <c r="E28" s="227"/>
      <c r="F28" s="228"/>
      <c r="G28" s="228"/>
      <c r="H28" s="228"/>
      <c r="I28" s="281"/>
      <c r="J28" s="228"/>
      <c r="K28" s="228"/>
      <c r="L28" s="311"/>
      <c r="M28" s="228"/>
      <c r="N28" s="228"/>
      <c r="O28" s="228"/>
      <c r="P28" s="228"/>
      <c r="Q28" s="228"/>
      <c r="R28" s="281"/>
      <c r="S28" s="228"/>
      <c r="T28" s="228"/>
      <c r="U28" s="228"/>
      <c r="V28" s="228"/>
      <c r="W28" s="228"/>
      <c r="X28" s="228"/>
      <c r="Y28" s="281"/>
      <c r="Z28" s="228"/>
      <c r="AA28" s="228"/>
      <c r="AB28" s="228"/>
      <c r="AC28" s="228"/>
      <c r="AD28" s="228"/>
      <c r="AE28" s="228"/>
      <c r="AF28" s="317"/>
      <c r="AG28" s="228"/>
      <c r="AH28" s="318"/>
      <c r="AI28" s="224"/>
    </row>
    <row r="29" spans="1:35" ht="14.1" customHeight="1">
      <c r="A29" s="797"/>
      <c r="B29" s="798"/>
      <c r="C29" s="223" t="s">
        <v>408</v>
      </c>
      <c r="D29" s="224"/>
      <c r="E29" s="220"/>
      <c r="F29" s="221"/>
      <c r="G29" s="221"/>
      <c r="H29" s="221"/>
      <c r="I29" s="302"/>
      <c r="J29" s="221"/>
      <c r="K29" s="221"/>
      <c r="L29" s="303"/>
      <c r="M29" s="221"/>
      <c r="N29" s="221"/>
      <c r="O29" s="221"/>
      <c r="P29" s="221"/>
      <c r="Q29" s="221"/>
      <c r="R29" s="302"/>
      <c r="S29" s="221"/>
      <c r="T29" s="221"/>
      <c r="U29" s="221"/>
      <c r="V29" s="221"/>
      <c r="W29" s="221"/>
      <c r="X29" s="221"/>
      <c r="Y29" s="302"/>
      <c r="Z29" s="221"/>
      <c r="AA29" s="221"/>
      <c r="AB29" s="221"/>
      <c r="AC29" s="221"/>
      <c r="AD29" s="221"/>
      <c r="AE29" s="221"/>
      <c r="AF29" s="315"/>
      <c r="AG29" s="221"/>
      <c r="AH29" s="316"/>
      <c r="AI29" s="224"/>
    </row>
    <row r="30" spans="1:35" ht="14.1" customHeight="1">
      <c r="A30" s="797"/>
      <c r="B30" s="798"/>
      <c r="C30" s="223"/>
      <c r="D30" s="224"/>
      <c r="E30" s="223" t="s">
        <v>386</v>
      </c>
      <c r="F30" s="224"/>
      <c r="G30" s="224"/>
      <c r="H30" s="224"/>
      <c r="I30" s="283"/>
      <c r="J30" s="224"/>
      <c r="K30" s="224"/>
      <c r="L30" s="307"/>
      <c r="M30" s="224"/>
      <c r="N30" s="224"/>
      <c r="O30" s="224"/>
      <c r="P30" s="224"/>
      <c r="Q30" s="224"/>
      <c r="R30" s="283"/>
      <c r="S30" s="224"/>
      <c r="T30" s="224"/>
      <c r="U30" s="224"/>
      <c r="V30" s="224"/>
      <c r="W30" s="224"/>
      <c r="X30" s="224"/>
      <c r="Y30" s="283"/>
      <c r="Z30" s="224"/>
      <c r="AA30" s="224"/>
      <c r="AB30" s="224"/>
      <c r="AC30" s="224"/>
      <c r="AD30" s="224"/>
      <c r="AE30" s="224"/>
      <c r="AF30" s="319"/>
      <c r="AG30" s="224"/>
      <c r="AH30" s="320"/>
      <c r="AI30" s="224"/>
    </row>
    <row r="31" spans="1:35" ht="14.1" customHeight="1">
      <c r="A31" s="797"/>
      <c r="B31" s="798"/>
      <c r="C31" s="227" t="s">
        <v>392</v>
      </c>
      <c r="D31" s="228"/>
      <c r="E31" s="227"/>
      <c r="F31" s="228"/>
      <c r="G31" s="228"/>
      <c r="H31" s="228"/>
      <c r="I31" s="281"/>
      <c r="J31" s="228"/>
      <c r="K31" s="228"/>
      <c r="L31" s="311"/>
      <c r="M31" s="228"/>
      <c r="N31" s="228"/>
      <c r="O31" s="228"/>
      <c r="P31" s="228"/>
      <c r="Q31" s="228"/>
      <c r="R31" s="281"/>
      <c r="S31" s="228"/>
      <c r="T31" s="228"/>
      <c r="U31" s="228"/>
      <c r="V31" s="228"/>
      <c r="W31" s="228"/>
      <c r="X31" s="228"/>
      <c r="Y31" s="281"/>
      <c r="Z31" s="228"/>
      <c r="AA31" s="228"/>
      <c r="AB31" s="228"/>
      <c r="AC31" s="228"/>
      <c r="AD31" s="228"/>
      <c r="AE31" s="228"/>
      <c r="AF31" s="317"/>
      <c r="AG31" s="228"/>
      <c r="AH31" s="318"/>
      <c r="AI31" s="224"/>
    </row>
    <row r="32" spans="1:35" ht="14.1" customHeight="1">
      <c r="A32" s="797"/>
      <c r="B32" s="798"/>
      <c r="C32" s="220" t="s">
        <v>408</v>
      </c>
      <c r="D32" s="327"/>
      <c r="E32" s="223"/>
      <c r="F32" s="224"/>
      <c r="G32" s="224"/>
      <c r="H32" s="224"/>
      <c r="I32" s="283"/>
      <c r="J32" s="224"/>
      <c r="K32" s="224"/>
      <c r="L32" s="307"/>
      <c r="M32" s="224"/>
      <c r="N32" s="224"/>
      <c r="O32" s="224"/>
      <c r="P32" s="224"/>
      <c r="Q32" s="224"/>
      <c r="R32" s="283"/>
      <c r="S32" s="224"/>
      <c r="T32" s="224"/>
      <c r="U32" s="224"/>
      <c r="V32" s="224"/>
      <c r="W32" s="224"/>
      <c r="X32" s="224"/>
      <c r="Y32" s="283"/>
      <c r="Z32" s="224"/>
      <c r="AA32" s="224"/>
      <c r="AB32" s="224"/>
      <c r="AC32" s="224"/>
      <c r="AD32" s="224"/>
      <c r="AE32" s="224"/>
      <c r="AF32" s="319"/>
      <c r="AG32" s="224"/>
      <c r="AH32" s="320"/>
      <c r="AI32" s="224"/>
    </row>
    <row r="33" spans="1:35" ht="14.1" customHeight="1">
      <c r="A33" s="797"/>
      <c r="B33" s="798"/>
      <c r="C33" s="223"/>
      <c r="D33" s="301"/>
      <c r="E33" s="223"/>
      <c r="F33" s="224"/>
      <c r="G33" s="224"/>
      <c r="H33" s="224"/>
      <c r="I33" s="283"/>
      <c r="J33" s="224"/>
      <c r="K33" s="224"/>
      <c r="L33" s="307"/>
      <c r="M33" s="224"/>
      <c r="N33" s="224"/>
      <c r="O33" s="224"/>
      <c r="P33" s="224"/>
      <c r="Q33" s="224"/>
      <c r="R33" s="283"/>
      <c r="S33" s="224"/>
      <c r="T33" s="224"/>
      <c r="U33" s="224"/>
      <c r="V33" s="224"/>
      <c r="W33" s="224"/>
      <c r="X33" s="224"/>
      <c r="Y33" s="283"/>
      <c r="Z33" s="224"/>
      <c r="AA33" s="224"/>
      <c r="AB33" s="224"/>
      <c r="AC33" s="224"/>
      <c r="AD33" s="224"/>
      <c r="AE33" s="224"/>
      <c r="AF33" s="319"/>
      <c r="AG33" s="224"/>
      <c r="AH33" s="320"/>
      <c r="AI33" s="224"/>
    </row>
    <row r="34" spans="1:35" ht="14.1" customHeight="1">
      <c r="A34" s="799"/>
      <c r="B34" s="800"/>
      <c r="C34" s="227" t="s">
        <v>392</v>
      </c>
      <c r="D34" s="310"/>
      <c r="E34" s="223"/>
      <c r="F34" s="224"/>
      <c r="G34" s="224"/>
      <c r="H34" s="224"/>
      <c r="I34" s="283"/>
      <c r="J34" s="224"/>
      <c r="K34" s="224"/>
      <c r="L34" s="307"/>
      <c r="M34" s="224"/>
      <c r="N34" s="224"/>
      <c r="O34" s="224"/>
      <c r="P34" s="224"/>
      <c r="Q34" s="224"/>
      <c r="R34" s="283"/>
      <c r="S34" s="224"/>
      <c r="T34" s="224"/>
      <c r="U34" s="224"/>
      <c r="V34" s="224"/>
      <c r="W34" s="224"/>
      <c r="X34" s="224"/>
      <c r="Y34" s="283"/>
      <c r="Z34" s="224"/>
      <c r="AA34" s="224"/>
      <c r="AB34" s="224"/>
      <c r="AC34" s="224"/>
      <c r="AD34" s="224"/>
      <c r="AE34" s="224"/>
      <c r="AF34" s="319"/>
      <c r="AG34" s="224"/>
      <c r="AH34" s="320"/>
      <c r="AI34" s="224"/>
    </row>
    <row r="35" spans="1:35" ht="14.1" customHeight="1">
      <c r="A35" s="781" t="s">
        <v>481</v>
      </c>
      <c r="B35" s="782"/>
      <c r="C35" s="223" t="s">
        <v>409</v>
      </c>
      <c r="D35" s="224"/>
      <c r="E35" s="220"/>
      <c r="F35" s="221"/>
      <c r="G35" s="221"/>
      <c r="H35" s="221"/>
      <c r="I35" s="302"/>
      <c r="J35" s="221"/>
      <c r="K35" s="221"/>
      <c r="L35" s="303"/>
      <c r="M35" s="221"/>
      <c r="N35" s="221"/>
      <c r="O35" s="221"/>
      <c r="P35" s="221"/>
      <c r="Q35" s="221"/>
      <c r="R35" s="302"/>
      <c r="S35" s="221"/>
      <c r="T35" s="221"/>
      <c r="U35" s="221"/>
      <c r="V35" s="221"/>
      <c r="W35" s="221"/>
      <c r="X35" s="221"/>
      <c r="Y35" s="302"/>
      <c r="Z35" s="221"/>
      <c r="AA35" s="221"/>
      <c r="AB35" s="221"/>
      <c r="AC35" s="221"/>
      <c r="AD35" s="221"/>
      <c r="AE35" s="221"/>
      <c r="AF35" s="315"/>
      <c r="AG35" s="221"/>
      <c r="AH35" s="316"/>
      <c r="AI35" s="224"/>
    </row>
    <row r="36" spans="1:35" ht="14.1" customHeight="1">
      <c r="A36" s="783"/>
      <c r="B36" s="784"/>
      <c r="C36" s="223"/>
      <c r="D36" s="224"/>
      <c r="E36" s="223" t="s">
        <v>386</v>
      </c>
      <c r="F36" s="224"/>
      <c r="G36" s="224"/>
      <c r="H36" s="224"/>
      <c r="I36" s="283"/>
      <c r="J36" s="224"/>
      <c r="K36" s="224"/>
      <c r="L36" s="307"/>
      <c r="M36" s="224"/>
      <c r="N36" s="224"/>
      <c r="O36" s="224"/>
      <c r="P36" s="224"/>
      <c r="Q36" s="224"/>
      <c r="R36" s="283"/>
      <c r="S36" s="224"/>
      <c r="T36" s="224"/>
      <c r="U36" s="224"/>
      <c r="V36" s="224"/>
      <c r="W36" s="224"/>
      <c r="X36" s="224"/>
      <c r="Y36" s="283"/>
      <c r="Z36" s="224"/>
      <c r="AA36" s="224"/>
      <c r="AB36" s="224"/>
      <c r="AC36" s="224"/>
      <c r="AD36" s="224"/>
      <c r="AE36" s="224"/>
      <c r="AF36" s="319"/>
      <c r="AG36" s="224"/>
      <c r="AH36" s="320"/>
      <c r="AI36" s="224"/>
    </row>
    <row r="37" spans="1:35" ht="14.1" customHeight="1">
      <c r="A37" s="783"/>
      <c r="B37" s="784"/>
      <c r="C37" s="227"/>
      <c r="D37" s="228"/>
      <c r="E37" s="227"/>
      <c r="F37" s="228"/>
      <c r="G37" s="228"/>
      <c r="H37" s="228"/>
      <c r="I37" s="281"/>
      <c r="J37" s="228"/>
      <c r="K37" s="228"/>
      <c r="L37" s="311"/>
      <c r="M37" s="228"/>
      <c r="N37" s="228"/>
      <c r="O37" s="228"/>
      <c r="P37" s="228"/>
      <c r="Q37" s="228"/>
      <c r="R37" s="281"/>
      <c r="S37" s="228"/>
      <c r="T37" s="228"/>
      <c r="U37" s="228"/>
      <c r="V37" s="228"/>
      <c r="W37" s="228"/>
      <c r="X37" s="228"/>
      <c r="Y37" s="281"/>
      <c r="Z37" s="228"/>
      <c r="AA37" s="228"/>
      <c r="AB37" s="228"/>
      <c r="AC37" s="228"/>
      <c r="AD37" s="228"/>
      <c r="AE37" s="228"/>
      <c r="AF37" s="317"/>
      <c r="AG37" s="228"/>
      <c r="AH37" s="318"/>
      <c r="AI37" s="224"/>
    </row>
    <row r="38" spans="1:35" ht="14.1" customHeight="1">
      <c r="A38" s="783"/>
      <c r="B38" s="784"/>
      <c r="C38" s="223" t="s">
        <v>421</v>
      </c>
      <c r="D38" s="224"/>
      <c r="E38" s="220"/>
      <c r="F38" s="221"/>
      <c r="G38" s="221"/>
      <c r="H38" s="221"/>
      <c r="I38" s="302"/>
      <c r="J38" s="221"/>
      <c r="K38" s="221"/>
      <c r="L38" s="303"/>
      <c r="M38" s="221"/>
      <c r="N38" s="221"/>
      <c r="O38" s="221"/>
      <c r="P38" s="221"/>
      <c r="Q38" s="221"/>
      <c r="R38" s="302"/>
      <c r="S38" s="221"/>
      <c r="T38" s="221"/>
      <c r="U38" s="221"/>
      <c r="V38" s="221"/>
      <c r="W38" s="221"/>
      <c r="X38" s="221"/>
      <c r="Y38" s="302"/>
      <c r="Z38" s="221"/>
      <c r="AA38" s="221"/>
      <c r="AB38" s="221"/>
      <c r="AC38" s="221"/>
      <c r="AD38" s="221"/>
      <c r="AE38" s="221"/>
      <c r="AF38" s="315"/>
      <c r="AG38" s="221"/>
      <c r="AH38" s="316"/>
      <c r="AI38" s="224"/>
    </row>
    <row r="39" spans="1:35" ht="14.1" customHeight="1">
      <c r="A39" s="783"/>
      <c r="B39" s="784"/>
      <c r="C39" s="223"/>
      <c r="D39" s="224"/>
      <c r="E39" s="223" t="s">
        <v>386</v>
      </c>
      <c r="F39" s="224"/>
      <c r="G39" s="224"/>
      <c r="H39" s="224"/>
      <c r="I39" s="283"/>
      <c r="J39" s="224"/>
      <c r="K39" s="224"/>
      <c r="L39" s="307"/>
      <c r="M39" s="224"/>
      <c r="N39" s="224"/>
      <c r="O39" s="224"/>
      <c r="P39" s="224"/>
      <c r="Q39" s="224"/>
      <c r="R39" s="283"/>
      <c r="S39" s="224"/>
      <c r="T39" s="224"/>
      <c r="U39" s="224"/>
      <c r="V39" s="224"/>
      <c r="W39" s="224"/>
      <c r="X39" s="224"/>
      <c r="Y39" s="283"/>
      <c r="Z39" s="224"/>
      <c r="AA39" s="224"/>
      <c r="AB39" s="224"/>
      <c r="AC39" s="224"/>
      <c r="AD39" s="224"/>
      <c r="AE39" s="224"/>
      <c r="AF39" s="319"/>
      <c r="AG39" s="224"/>
      <c r="AH39" s="320"/>
      <c r="AI39" s="224"/>
    </row>
    <row r="40" spans="1:35" ht="14.1" customHeight="1">
      <c r="A40" s="783"/>
      <c r="B40" s="784"/>
      <c r="C40" s="227"/>
      <c r="D40" s="228"/>
      <c r="E40" s="227"/>
      <c r="F40" s="228"/>
      <c r="G40" s="228"/>
      <c r="H40" s="228"/>
      <c r="I40" s="281"/>
      <c r="J40" s="228"/>
      <c r="K40" s="228"/>
      <c r="L40" s="311"/>
      <c r="M40" s="228"/>
      <c r="N40" s="228"/>
      <c r="O40" s="228"/>
      <c r="P40" s="228"/>
      <c r="Q40" s="228"/>
      <c r="R40" s="281"/>
      <c r="S40" s="228"/>
      <c r="T40" s="228"/>
      <c r="U40" s="228"/>
      <c r="V40" s="228"/>
      <c r="W40" s="228"/>
      <c r="X40" s="228"/>
      <c r="Y40" s="281"/>
      <c r="Z40" s="228"/>
      <c r="AA40" s="228"/>
      <c r="AB40" s="228"/>
      <c r="AC40" s="228"/>
      <c r="AD40" s="228"/>
      <c r="AE40" s="228"/>
      <c r="AF40" s="317"/>
      <c r="AG40" s="228"/>
      <c r="AH40" s="318"/>
      <c r="AI40" s="224"/>
    </row>
    <row r="41" spans="1:35" ht="14.1" customHeight="1">
      <c r="A41" s="783"/>
      <c r="B41" s="784"/>
      <c r="C41" s="328" t="s">
        <v>410</v>
      </c>
      <c r="D41" s="224"/>
      <c r="E41" s="223"/>
      <c r="F41" s="224"/>
      <c r="G41" s="224"/>
      <c r="H41" s="224"/>
      <c r="I41" s="283"/>
      <c r="J41" s="224"/>
      <c r="K41" s="224"/>
      <c r="L41" s="307"/>
      <c r="M41" s="224"/>
      <c r="N41" s="224"/>
      <c r="O41" s="224"/>
      <c r="P41" s="224"/>
      <c r="Q41" s="224"/>
      <c r="R41" s="283"/>
      <c r="S41" s="224"/>
      <c r="T41" s="224"/>
      <c r="U41" s="224"/>
      <c r="V41" s="224"/>
      <c r="W41" s="224"/>
      <c r="X41" s="224"/>
      <c r="Y41" s="283"/>
      <c r="Z41" s="224"/>
      <c r="AA41" s="224"/>
      <c r="AB41" s="224"/>
      <c r="AC41" s="224"/>
      <c r="AD41" s="224"/>
      <c r="AE41" s="224"/>
      <c r="AF41" s="319"/>
      <c r="AG41" s="224"/>
      <c r="AH41" s="320"/>
      <c r="AI41" s="224"/>
    </row>
    <row r="42" spans="1:35" ht="14.1" customHeight="1">
      <c r="A42" s="783"/>
      <c r="B42" s="784"/>
      <c r="C42" s="223"/>
      <c r="D42" s="224"/>
      <c r="E42" s="223"/>
      <c r="F42" s="224"/>
      <c r="G42" s="224"/>
      <c r="H42" s="224"/>
      <c r="I42" s="283"/>
      <c r="J42" s="224"/>
      <c r="K42" s="224"/>
      <c r="L42" s="307"/>
      <c r="M42" s="224"/>
      <c r="N42" s="224"/>
      <c r="O42" s="224"/>
      <c r="P42" s="224"/>
      <c r="Q42" s="224"/>
      <c r="R42" s="283"/>
      <c r="S42" s="224"/>
      <c r="T42" s="224"/>
      <c r="U42" s="224"/>
      <c r="V42" s="224"/>
      <c r="W42" s="224"/>
      <c r="X42" s="224"/>
      <c r="Y42" s="283"/>
      <c r="Z42" s="224"/>
      <c r="AA42" s="224"/>
      <c r="AB42" s="224"/>
      <c r="AC42" s="224"/>
      <c r="AD42" s="224"/>
      <c r="AE42" s="224"/>
      <c r="AF42" s="319"/>
      <c r="AG42" s="224"/>
      <c r="AH42" s="320"/>
      <c r="AI42" s="224"/>
    </row>
    <row r="43" spans="1:35" ht="14.1" customHeight="1">
      <c r="A43" s="785"/>
      <c r="B43" s="786"/>
      <c r="C43" s="223"/>
      <c r="D43" s="224"/>
      <c r="E43" s="223"/>
      <c r="F43" s="224"/>
      <c r="G43" s="224"/>
      <c r="H43" s="224"/>
      <c r="I43" s="283"/>
      <c r="J43" s="224"/>
      <c r="K43" s="224"/>
      <c r="L43" s="307"/>
      <c r="M43" s="224"/>
      <c r="N43" s="224"/>
      <c r="O43" s="224"/>
      <c r="P43" s="224"/>
      <c r="Q43" s="224"/>
      <c r="R43" s="283"/>
      <c r="S43" s="224"/>
      <c r="T43" s="224"/>
      <c r="U43" s="224"/>
      <c r="V43" s="224"/>
      <c r="W43" s="224"/>
      <c r="X43" s="224"/>
      <c r="Y43" s="283"/>
      <c r="Z43" s="224"/>
      <c r="AA43" s="224"/>
      <c r="AB43" s="224"/>
      <c r="AC43" s="224"/>
      <c r="AD43" s="224"/>
      <c r="AE43" s="224"/>
      <c r="AF43" s="319"/>
      <c r="AG43" s="224"/>
      <c r="AH43" s="320"/>
      <c r="AI43" s="224"/>
    </row>
    <row r="44" spans="1:35" ht="14.1" customHeight="1">
      <c r="A44" s="781" t="s">
        <v>482</v>
      </c>
      <c r="B44" s="782"/>
      <c r="C44" s="329" t="s">
        <v>409</v>
      </c>
      <c r="D44" s="221"/>
      <c r="E44" s="220"/>
      <c r="F44" s="221"/>
      <c r="G44" s="221"/>
      <c r="H44" s="221"/>
      <c r="I44" s="302"/>
      <c r="J44" s="221"/>
      <c r="K44" s="221"/>
      <c r="L44" s="303"/>
      <c r="M44" s="221"/>
      <c r="N44" s="221"/>
      <c r="O44" s="221"/>
      <c r="P44" s="221"/>
      <c r="Q44" s="221"/>
      <c r="R44" s="302"/>
      <c r="S44" s="221"/>
      <c r="T44" s="221"/>
      <c r="U44" s="221"/>
      <c r="V44" s="221"/>
      <c r="W44" s="221"/>
      <c r="X44" s="221"/>
      <c r="Y44" s="302"/>
      <c r="Z44" s="221"/>
      <c r="AA44" s="221"/>
      <c r="AB44" s="221"/>
      <c r="AC44" s="221"/>
      <c r="AD44" s="221"/>
      <c r="AE44" s="221"/>
      <c r="AF44" s="315"/>
      <c r="AG44" s="221"/>
      <c r="AH44" s="316"/>
      <c r="AI44" s="224"/>
    </row>
    <row r="45" spans="1:35" ht="14.1" customHeight="1">
      <c r="A45" s="783"/>
      <c r="B45" s="784"/>
      <c r="C45" s="223"/>
      <c r="D45" s="224"/>
      <c r="E45" s="223"/>
      <c r="F45" s="224"/>
      <c r="G45" s="224"/>
      <c r="H45" s="224"/>
      <c r="I45" s="283"/>
      <c r="J45" s="224"/>
      <c r="K45" s="224"/>
      <c r="L45" s="307"/>
      <c r="M45" s="224"/>
      <c r="N45" s="224"/>
      <c r="O45" s="224"/>
      <c r="P45" s="224"/>
      <c r="Q45" s="224"/>
      <c r="R45" s="283"/>
      <c r="S45" s="224"/>
      <c r="T45" s="224"/>
      <c r="U45" s="224"/>
      <c r="V45" s="224"/>
      <c r="W45" s="224"/>
      <c r="X45" s="224"/>
      <c r="Y45" s="283"/>
      <c r="Z45" s="224"/>
      <c r="AA45" s="224"/>
      <c r="AB45" s="224"/>
      <c r="AC45" s="224"/>
      <c r="AD45" s="224"/>
      <c r="AE45" s="224"/>
      <c r="AF45" s="319"/>
      <c r="AG45" s="224"/>
      <c r="AH45" s="320"/>
      <c r="AI45" s="224"/>
    </row>
    <row r="46" spans="1:35" ht="14.1" customHeight="1">
      <c r="A46" s="783"/>
      <c r="B46" s="784"/>
      <c r="C46" s="227"/>
      <c r="D46" s="228"/>
      <c r="E46" s="227"/>
      <c r="F46" s="228"/>
      <c r="G46" s="228"/>
      <c r="H46" s="228"/>
      <c r="I46" s="281"/>
      <c r="J46" s="228"/>
      <c r="K46" s="228"/>
      <c r="L46" s="311"/>
      <c r="M46" s="228"/>
      <c r="N46" s="228"/>
      <c r="O46" s="228"/>
      <c r="P46" s="228"/>
      <c r="Q46" s="228"/>
      <c r="R46" s="281"/>
      <c r="S46" s="228"/>
      <c r="T46" s="228"/>
      <c r="U46" s="228"/>
      <c r="V46" s="228"/>
      <c r="W46" s="228"/>
      <c r="X46" s="228"/>
      <c r="Y46" s="281"/>
      <c r="Z46" s="228"/>
      <c r="AA46" s="228"/>
      <c r="AB46" s="228"/>
      <c r="AC46" s="228"/>
      <c r="AD46" s="228"/>
      <c r="AE46" s="228"/>
      <c r="AF46" s="317"/>
      <c r="AG46" s="228"/>
      <c r="AH46" s="318"/>
      <c r="AI46" s="224"/>
    </row>
    <row r="47" spans="1:35" ht="14.1" customHeight="1">
      <c r="A47" s="783"/>
      <c r="B47" s="784"/>
      <c r="C47" s="223" t="s">
        <v>421</v>
      </c>
      <c r="D47" s="224"/>
      <c r="E47" s="223"/>
      <c r="F47" s="224"/>
      <c r="G47" s="224"/>
      <c r="H47" s="224"/>
      <c r="I47" s="283"/>
      <c r="J47" s="224"/>
      <c r="K47" s="224"/>
      <c r="L47" s="307"/>
      <c r="M47" s="224"/>
      <c r="N47" s="224"/>
      <c r="O47" s="224"/>
      <c r="P47" s="224"/>
      <c r="Q47" s="224"/>
      <c r="R47" s="283"/>
      <c r="S47" s="224"/>
      <c r="T47" s="224"/>
      <c r="U47" s="224"/>
      <c r="V47" s="224"/>
      <c r="W47" s="224"/>
      <c r="X47" s="224"/>
      <c r="Y47" s="283"/>
      <c r="Z47" s="224"/>
      <c r="AA47" s="224"/>
      <c r="AB47" s="224"/>
      <c r="AC47" s="224"/>
      <c r="AD47" s="224"/>
      <c r="AE47" s="224"/>
      <c r="AF47" s="319"/>
      <c r="AG47" s="224"/>
      <c r="AH47" s="320"/>
      <c r="AI47" s="224"/>
    </row>
    <row r="48" spans="1:35" ht="14.1" customHeight="1">
      <c r="A48" s="783"/>
      <c r="B48" s="784"/>
      <c r="C48" s="223"/>
      <c r="D48" s="224"/>
      <c r="E48" s="223"/>
      <c r="F48" s="224"/>
      <c r="G48" s="224"/>
      <c r="H48" s="224"/>
      <c r="I48" s="283"/>
      <c r="J48" s="224"/>
      <c r="K48" s="224"/>
      <c r="L48" s="307"/>
      <c r="M48" s="224"/>
      <c r="N48" s="224"/>
      <c r="O48" s="224"/>
      <c r="P48" s="224"/>
      <c r="Q48" s="224"/>
      <c r="R48" s="283"/>
      <c r="S48" s="224"/>
      <c r="T48" s="224"/>
      <c r="U48" s="224"/>
      <c r="V48" s="224"/>
      <c r="W48" s="224"/>
      <c r="X48" s="224"/>
      <c r="Y48" s="283"/>
      <c r="Z48" s="224"/>
      <c r="AA48" s="224"/>
      <c r="AB48" s="224"/>
      <c r="AC48" s="224"/>
      <c r="AD48" s="224"/>
      <c r="AE48" s="224"/>
      <c r="AF48" s="319"/>
      <c r="AG48" s="224"/>
      <c r="AH48" s="320"/>
      <c r="AI48" s="224"/>
    </row>
    <row r="49" spans="1:35" ht="14.1" customHeight="1">
      <c r="A49" s="783"/>
      <c r="B49" s="784"/>
      <c r="C49" s="223"/>
      <c r="D49" s="224"/>
      <c r="E49" s="223"/>
      <c r="F49" s="224"/>
      <c r="G49" s="224"/>
      <c r="H49" s="224"/>
      <c r="I49" s="283"/>
      <c r="J49" s="224"/>
      <c r="K49" s="224"/>
      <c r="L49" s="307"/>
      <c r="M49" s="224"/>
      <c r="N49" s="224"/>
      <c r="O49" s="224"/>
      <c r="P49" s="224"/>
      <c r="Q49" s="224"/>
      <c r="R49" s="283"/>
      <c r="S49" s="224"/>
      <c r="T49" s="224"/>
      <c r="U49" s="224"/>
      <c r="V49" s="224"/>
      <c r="W49" s="224"/>
      <c r="X49" s="224"/>
      <c r="Y49" s="283"/>
      <c r="Z49" s="224"/>
      <c r="AA49" s="224"/>
      <c r="AB49" s="224"/>
      <c r="AC49" s="224"/>
      <c r="AD49" s="224"/>
      <c r="AE49" s="224"/>
      <c r="AF49" s="319"/>
      <c r="AG49" s="224"/>
      <c r="AH49" s="320"/>
      <c r="AI49" s="224"/>
    </row>
    <row r="50" spans="1:35" ht="14.1" customHeight="1">
      <c r="A50" s="783"/>
      <c r="B50" s="784"/>
      <c r="C50" s="329" t="s">
        <v>410</v>
      </c>
      <c r="D50" s="221"/>
      <c r="E50" s="220"/>
      <c r="F50" s="221"/>
      <c r="G50" s="221"/>
      <c r="H50" s="221"/>
      <c r="I50" s="302"/>
      <c r="J50" s="221"/>
      <c r="K50" s="221"/>
      <c r="L50" s="303"/>
      <c r="M50" s="221"/>
      <c r="N50" s="221"/>
      <c r="O50" s="221"/>
      <c r="P50" s="221"/>
      <c r="Q50" s="221"/>
      <c r="R50" s="302"/>
      <c r="S50" s="221"/>
      <c r="T50" s="221"/>
      <c r="U50" s="221"/>
      <c r="V50" s="221"/>
      <c r="W50" s="221"/>
      <c r="X50" s="221"/>
      <c r="Y50" s="302"/>
      <c r="Z50" s="221"/>
      <c r="AA50" s="221"/>
      <c r="AB50" s="221"/>
      <c r="AC50" s="221"/>
      <c r="AD50" s="221"/>
      <c r="AE50" s="221"/>
      <c r="AF50" s="315"/>
      <c r="AG50" s="221"/>
      <c r="AH50" s="316"/>
      <c r="AI50" s="224"/>
    </row>
    <row r="51" spans="1:35" ht="14.1" customHeight="1">
      <c r="A51" s="783"/>
      <c r="B51" s="784"/>
      <c r="C51" s="223"/>
      <c r="D51" s="224"/>
      <c r="E51" s="223"/>
      <c r="F51" s="224"/>
      <c r="G51" s="224"/>
      <c r="H51" s="224"/>
      <c r="I51" s="283"/>
      <c r="J51" s="224"/>
      <c r="K51" s="224"/>
      <c r="L51" s="307"/>
      <c r="M51" s="224"/>
      <c r="N51" s="224"/>
      <c r="O51" s="224"/>
      <c r="P51" s="224"/>
      <c r="Q51" s="224"/>
      <c r="R51" s="283"/>
      <c r="S51" s="224"/>
      <c r="T51" s="224"/>
      <c r="U51" s="224"/>
      <c r="V51" s="224"/>
      <c r="W51" s="224"/>
      <c r="X51" s="224"/>
      <c r="Y51" s="283"/>
      <c r="Z51" s="224"/>
      <c r="AA51" s="224"/>
      <c r="AB51" s="224"/>
      <c r="AC51" s="224"/>
      <c r="AD51" s="224"/>
      <c r="AE51" s="224"/>
      <c r="AF51" s="319"/>
      <c r="AG51" s="224"/>
      <c r="AH51" s="320"/>
      <c r="AI51" s="224"/>
    </row>
    <row r="52" spans="1:35" ht="14.1" customHeight="1">
      <c r="A52" s="783"/>
      <c r="B52" s="784"/>
      <c r="C52" s="227"/>
      <c r="D52" s="228"/>
      <c r="E52" s="227"/>
      <c r="F52" s="228"/>
      <c r="G52" s="228"/>
      <c r="H52" s="228"/>
      <c r="I52" s="281"/>
      <c r="J52" s="228"/>
      <c r="K52" s="228"/>
      <c r="L52" s="311"/>
      <c r="M52" s="228"/>
      <c r="N52" s="228"/>
      <c r="O52" s="228"/>
      <c r="P52" s="228"/>
      <c r="Q52" s="228"/>
      <c r="R52" s="281"/>
      <c r="S52" s="228"/>
      <c r="T52" s="228"/>
      <c r="U52" s="228"/>
      <c r="V52" s="228"/>
      <c r="W52" s="228"/>
      <c r="X52" s="228"/>
      <c r="Y52" s="281"/>
      <c r="Z52" s="228"/>
      <c r="AA52" s="228"/>
      <c r="AB52" s="228"/>
      <c r="AC52" s="228"/>
      <c r="AD52" s="228"/>
      <c r="AE52" s="228"/>
      <c r="AF52" s="317"/>
      <c r="AG52" s="228"/>
      <c r="AH52" s="318"/>
      <c r="AI52" s="224"/>
    </row>
    <row r="53" spans="1:35" ht="14.1" customHeight="1">
      <c r="A53" s="783"/>
      <c r="B53" s="784"/>
      <c r="C53" s="223" t="s">
        <v>411</v>
      </c>
      <c r="D53" s="224"/>
      <c r="E53" s="223"/>
      <c r="F53" s="224"/>
      <c r="G53" s="224"/>
      <c r="H53" s="224"/>
      <c r="I53" s="283"/>
      <c r="J53" s="224"/>
      <c r="K53" s="224"/>
      <c r="L53" s="307"/>
      <c r="M53" s="224"/>
      <c r="N53" s="224"/>
      <c r="O53" s="224"/>
      <c r="P53" s="224"/>
      <c r="Q53" s="224"/>
      <c r="R53" s="283"/>
      <c r="S53" s="224"/>
      <c r="T53" s="224"/>
      <c r="U53" s="224"/>
      <c r="V53" s="224"/>
      <c r="W53" s="224"/>
      <c r="X53" s="224"/>
      <c r="Y53" s="283"/>
      <c r="Z53" s="224"/>
      <c r="AA53" s="224"/>
      <c r="AB53" s="224"/>
      <c r="AC53" s="224"/>
      <c r="AD53" s="224"/>
      <c r="AE53" s="224"/>
      <c r="AF53" s="319"/>
      <c r="AG53" s="224"/>
      <c r="AH53" s="320"/>
      <c r="AI53" s="224"/>
    </row>
    <row r="54" spans="1:35" ht="14.1" customHeight="1">
      <c r="A54" s="783"/>
      <c r="B54" s="784"/>
      <c r="C54" s="223"/>
      <c r="D54" s="224"/>
      <c r="E54" s="223"/>
      <c r="F54" s="224"/>
      <c r="G54" s="224"/>
      <c r="H54" s="224"/>
      <c r="I54" s="283"/>
      <c r="J54" s="224"/>
      <c r="K54" s="224"/>
      <c r="L54" s="307"/>
      <c r="M54" s="224"/>
      <c r="N54" s="224"/>
      <c r="O54" s="224"/>
      <c r="P54" s="224"/>
      <c r="Q54" s="224"/>
      <c r="R54" s="283"/>
      <c r="S54" s="224"/>
      <c r="T54" s="224"/>
      <c r="U54" s="224"/>
      <c r="V54" s="224"/>
      <c r="W54" s="224"/>
      <c r="X54" s="224"/>
      <c r="Y54" s="283"/>
      <c r="Z54" s="224"/>
      <c r="AA54" s="224"/>
      <c r="AB54" s="224"/>
      <c r="AC54" s="224"/>
      <c r="AD54" s="224"/>
      <c r="AE54" s="224"/>
      <c r="AF54" s="319"/>
      <c r="AG54" s="224"/>
      <c r="AH54" s="320"/>
      <c r="AI54" s="224"/>
    </row>
    <row r="55" spans="1:35" ht="14.1" customHeight="1">
      <c r="A55" s="785"/>
      <c r="B55" s="786"/>
      <c r="C55" s="227"/>
      <c r="D55" s="228"/>
      <c r="E55" s="227"/>
      <c r="F55" s="228"/>
      <c r="G55" s="228"/>
      <c r="H55" s="228"/>
      <c r="I55" s="281"/>
      <c r="J55" s="228"/>
      <c r="K55" s="228"/>
      <c r="L55" s="311"/>
      <c r="M55" s="228"/>
      <c r="N55" s="228"/>
      <c r="O55" s="228"/>
      <c r="P55" s="228"/>
      <c r="Q55" s="228"/>
      <c r="R55" s="281"/>
      <c r="S55" s="228"/>
      <c r="T55" s="228"/>
      <c r="U55" s="228"/>
      <c r="V55" s="228"/>
      <c r="W55" s="228"/>
      <c r="X55" s="228"/>
      <c r="Y55" s="281"/>
      <c r="Z55" s="228"/>
      <c r="AA55" s="228"/>
      <c r="AB55" s="228"/>
      <c r="AC55" s="228"/>
      <c r="AD55" s="228"/>
      <c r="AE55" s="228"/>
      <c r="AF55" s="317"/>
      <c r="AG55" s="228"/>
      <c r="AH55" s="318"/>
      <c r="AI55" s="224"/>
    </row>
    <row r="56" spans="1:35" ht="14.1" customHeight="1">
      <c r="A56" s="222"/>
      <c r="B56" s="221"/>
      <c r="C56" s="220"/>
      <c r="D56" s="221"/>
      <c r="E56" s="220"/>
      <c r="F56" s="221"/>
      <c r="G56" s="221"/>
      <c r="H56" s="221"/>
      <c r="I56" s="302"/>
      <c r="J56" s="221"/>
      <c r="K56" s="221"/>
      <c r="L56" s="303"/>
      <c r="M56" s="221"/>
      <c r="N56" s="221"/>
      <c r="O56" s="221"/>
      <c r="P56" s="221"/>
      <c r="Q56" s="221"/>
      <c r="R56" s="302"/>
      <c r="S56" s="221"/>
      <c r="T56" s="221"/>
      <c r="U56" s="221"/>
      <c r="V56" s="221"/>
      <c r="W56" s="221"/>
      <c r="X56" s="221"/>
      <c r="Y56" s="302"/>
      <c r="Z56" s="221"/>
      <c r="AA56" s="221"/>
      <c r="AB56" s="221"/>
      <c r="AC56" s="221"/>
      <c r="AD56" s="221"/>
      <c r="AE56" s="221"/>
      <c r="AF56" s="315"/>
      <c r="AG56" s="221"/>
      <c r="AH56" s="316"/>
      <c r="AI56" s="224"/>
    </row>
    <row r="57" spans="1:35" ht="14.1" customHeight="1">
      <c r="A57" s="779" t="s">
        <v>396</v>
      </c>
      <c r="B57" s="780"/>
      <c r="C57" s="223" t="s">
        <v>391</v>
      </c>
      <c r="D57" s="224"/>
      <c r="E57" s="223" t="s">
        <v>386</v>
      </c>
      <c r="F57" s="224"/>
      <c r="G57" s="224"/>
      <c r="H57" s="224"/>
      <c r="I57" s="283"/>
      <c r="J57" s="224"/>
      <c r="K57" s="224"/>
      <c r="L57" s="307"/>
      <c r="M57" s="224"/>
      <c r="N57" s="224"/>
      <c r="O57" s="224"/>
      <c r="P57" s="224"/>
      <c r="Q57" s="224"/>
      <c r="R57" s="283"/>
      <c r="S57" s="224"/>
      <c r="T57" s="224"/>
      <c r="U57" s="224"/>
      <c r="V57" s="224"/>
      <c r="W57" s="224"/>
      <c r="X57" s="224"/>
      <c r="Y57" s="283"/>
      <c r="Z57" s="224"/>
      <c r="AA57" s="224"/>
      <c r="AB57" s="224"/>
      <c r="AC57" s="224"/>
      <c r="AD57" s="224"/>
      <c r="AE57" s="224"/>
      <c r="AF57" s="319"/>
      <c r="AG57" s="224"/>
      <c r="AH57" s="320"/>
      <c r="AI57" s="224"/>
    </row>
    <row r="58" spans="1:35" ht="14.1" customHeight="1">
      <c r="A58" s="229"/>
      <c r="B58" s="224"/>
      <c r="C58" s="227" t="s">
        <v>392</v>
      </c>
      <c r="D58" s="228"/>
      <c r="E58" s="227"/>
      <c r="F58" s="228"/>
      <c r="G58" s="228"/>
      <c r="H58" s="228"/>
      <c r="I58" s="281"/>
      <c r="J58" s="228"/>
      <c r="K58" s="228"/>
      <c r="L58" s="311"/>
      <c r="M58" s="228"/>
      <c r="N58" s="228"/>
      <c r="O58" s="228"/>
      <c r="P58" s="228"/>
      <c r="Q58" s="228"/>
      <c r="R58" s="281"/>
      <c r="S58" s="228"/>
      <c r="T58" s="228"/>
      <c r="U58" s="228"/>
      <c r="V58" s="228"/>
      <c r="W58" s="228"/>
      <c r="X58" s="228"/>
      <c r="Y58" s="281"/>
      <c r="Z58" s="228"/>
      <c r="AA58" s="228"/>
      <c r="AB58" s="228"/>
      <c r="AC58" s="228"/>
      <c r="AD58" s="228"/>
      <c r="AE58" s="228"/>
      <c r="AF58" s="317"/>
      <c r="AG58" s="228"/>
      <c r="AH58" s="318"/>
      <c r="AI58" s="224"/>
    </row>
    <row r="59" spans="1:35" ht="14.1" customHeight="1">
      <c r="A59" s="779" t="s">
        <v>397</v>
      </c>
      <c r="B59" s="780"/>
      <c r="C59" s="223"/>
      <c r="D59" s="224"/>
      <c r="E59" s="220"/>
      <c r="F59" s="221"/>
      <c r="G59" s="221"/>
      <c r="H59" s="221"/>
      <c r="I59" s="302"/>
      <c r="J59" s="221"/>
      <c r="K59" s="221"/>
      <c r="L59" s="303"/>
      <c r="M59" s="221"/>
      <c r="N59" s="221"/>
      <c r="O59" s="221"/>
      <c r="P59" s="221"/>
      <c r="Q59" s="221"/>
      <c r="R59" s="302"/>
      <c r="S59" s="221"/>
      <c r="T59" s="221"/>
      <c r="U59" s="221"/>
      <c r="V59" s="221"/>
      <c r="W59" s="221"/>
      <c r="X59" s="221"/>
      <c r="Y59" s="302"/>
      <c r="Z59" s="221"/>
      <c r="AA59" s="221"/>
      <c r="AB59" s="221"/>
      <c r="AC59" s="221"/>
      <c r="AD59" s="221"/>
      <c r="AE59" s="221"/>
      <c r="AF59" s="315"/>
      <c r="AG59" s="221"/>
      <c r="AH59" s="316"/>
      <c r="AI59" s="224"/>
    </row>
    <row r="60" spans="1:35" ht="14.1" customHeight="1">
      <c r="A60" s="229"/>
      <c r="B60" s="224"/>
      <c r="C60" s="223" t="s">
        <v>393</v>
      </c>
      <c r="D60" s="224"/>
      <c r="E60" s="223" t="s">
        <v>386</v>
      </c>
      <c r="F60" s="224"/>
      <c r="G60" s="224"/>
      <c r="H60" s="224"/>
      <c r="I60" s="283"/>
      <c r="J60" s="224"/>
      <c r="K60" s="224"/>
      <c r="L60" s="307"/>
      <c r="M60" s="224"/>
      <c r="N60" s="224"/>
      <c r="O60" s="224"/>
      <c r="P60" s="224"/>
      <c r="Q60" s="224"/>
      <c r="R60" s="283"/>
      <c r="S60" s="224"/>
      <c r="T60" s="224"/>
      <c r="U60" s="224"/>
      <c r="V60" s="224"/>
      <c r="W60" s="224"/>
      <c r="X60" s="224"/>
      <c r="Y60" s="283"/>
      <c r="Z60" s="224"/>
      <c r="AA60" s="224"/>
      <c r="AB60" s="224"/>
      <c r="AC60" s="224"/>
      <c r="AD60" s="224"/>
      <c r="AE60" s="224"/>
      <c r="AF60" s="319"/>
      <c r="AG60" s="224"/>
      <c r="AH60" s="320"/>
    </row>
    <row r="61" spans="1:35" ht="14.1" customHeight="1">
      <c r="A61" s="779" t="s">
        <v>395</v>
      </c>
      <c r="B61" s="780"/>
      <c r="C61" s="227" t="s">
        <v>392</v>
      </c>
      <c r="D61" s="228"/>
      <c r="E61" s="227"/>
      <c r="F61" s="228"/>
      <c r="G61" s="228"/>
      <c r="H61" s="228"/>
      <c r="I61" s="281"/>
      <c r="J61" s="228"/>
      <c r="K61" s="228"/>
      <c r="L61" s="311"/>
      <c r="M61" s="228"/>
      <c r="N61" s="228"/>
      <c r="O61" s="228"/>
      <c r="P61" s="228"/>
      <c r="Q61" s="228"/>
      <c r="R61" s="281"/>
      <c r="S61" s="228"/>
      <c r="T61" s="228"/>
      <c r="U61" s="228"/>
      <c r="V61" s="228"/>
      <c r="W61" s="228"/>
      <c r="X61" s="228"/>
      <c r="Y61" s="281"/>
      <c r="Z61" s="228"/>
      <c r="AA61" s="228"/>
      <c r="AB61" s="228"/>
      <c r="AC61" s="228"/>
      <c r="AD61" s="228"/>
      <c r="AE61" s="228"/>
      <c r="AF61" s="317"/>
      <c r="AG61" s="228"/>
      <c r="AH61" s="318"/>
    </row>
    <row r="62" spans="1:35" ht="14.1" customHeight="1">
      <c r="A62" s="225"/>
      <c r="B62" s="226"/>
      <c r="C62" s="223"/>
      <c r="D62" s="224"/>
      <c r="E62" s="223"/>
      <c r="F62" s="224"/>
      <c r="G62" s="224"/>
      <c r="H62" s="224"/>
      <c r="I62" s="283"/>
      <c r="J62" s="224"/>
      <c r="K62" s="224"/>
      <c r="L62" s="307"/>
      <c r="M62" s="224"/>
      <c r="N62" s="224"/>
      <c r="O62" s="224"/>
      <c r="P62" s="224"/>
      <c r="Q62" s="224"/>
      <c r="R62" s="283"/>
      <c r="S62" s="224"/>
      <c r="T62" s="224"/>
      <c r="U62" s="224"/>
      <c r="V62" s="224"/>
      <c r="W62" s="224"/>
      <c r="X62" s="224"/>
      <c r="Y62" s="283"/>
      <c r="Z62" s="224"/>
      <c r="AA62" s="224"/>
      <c r="AB62" s="224"/>
      <c r="AC62" s="224"/>
      <c r="AD62" s="224"/>
      <c r="AE62" s="224"/>
      <c r="AF62" s="319"/>
      <c r="AG62" s="224"/>
      <c r="AH62" s="320"/>
    </row>
    <row r="63" spans="1:35" ht="14.1" customHeight="1">
      <c r="A63" s="225"/>
      <c r="B63" s="226"/>
      <c r="C63" s="223" t="s">
        <v>394</v>
      </c>
      <c r="D63" s="224"/>
      <c r="E63" s="223"/>
      <c r="F63" s="224"/>
      <c r="G63" s="224"/>
      <c r="H63" s="224"/>
      <c r="I63" s="283"/>
      <c r="J63" s="224"/>
      <c r="K63" s="224"/>
      <c r="L63" s="307"/>
      <c r="M63" s="224"/>
      <c r="N63" s="224"/>
      <c r="O63" s="224"/>
      <c r="P63" s="224"/>
      <c r="Q63" s="224"/>
      <c r="R63" s="283"/>
      <c r="S63" s="224"/>
      <c r="T63" s="224"/>
      <c r="U63" s="224"/>
      <c r="V63" s="224"/>
      <c r="W63" s="224"/>
      <c r="X63" s="224"/>
      <c r="Y63" s="283"/>
      <c r="Z63" s="224"/>
      <c r="AA63" s="224"/>
      <c r="AB63" s="224"/>
      <c r="AC63" s="224"/>
      <c r="AD63" s="224"/>
      <c r="AE63" s="224"/>
      <c r="AF63" s="319"/>
      <c r="AG63" s="224"/>
      <c r="AH63" s="320"/>
    </row>
    <row r="64" spans="1:35" ht="14.1" customHeight="1">
      <c r="A64" s="225"/>
      <c r="B64" s="226"/>
      <c r="C64" s="227" t="s">
        <v>392</v>
      </c>
      <c r="D64" s="228"/>
      <c r="E64" s="223"/>
      <c r="F64" s="224"/>
      <c r="G64" s="224"/>
      <c r="H64" s="224"/>
      <c r="I64" s="283"/>
      <c r="J64" s="224"/>
      <c r="K64" s="224"/>
      <c r="L64" s="307"/>
      <c r="M64" s="224"/>
      <c r="N64" s="224"/>
      <c r="O64" s="224"/>
      <c r="P64" s="224"/>
      <c r="Q64" s="224"/>
      <c r="R64" s="283"/>
      <c r="S64" s="224"/>
      <c r="T64" s="224"/>
      <c r="U64" s="224"/>
      <c r="V64" s="224"/>
      <c r="W64" s="224"/>
      <c r="X64" s="224"/>
      <c r="Y64" s="283"/>
      <c r="Z64" s="224"/>
      <c r="AA64" s="224"/>
      <c r="AB64" s="224"/>
      <c r="AC64" s="224"/>
      <c r="AD64" s="224"/>
      <c r="AE64" s="224"/>
      <c r="AF64" s="319"/>
      <c r="AG64" s="224"/>
      <c r="AH64" s="320"/>
    </row>
    <row r="65" spans="1:34" ht="14.1" customHeight="1">
      <c r="A65" s="222"/>
      <c r="B65" s="327"/>
      <c r="C65" s="223" t="s">
        <v>422</v>
      </c>
      <c r="D65" s="224"/>
      <c r="E65" s="220" t="s">
        <v>386</v>
      </c>
      <c r="F65" s="221"/>
      <c r="G65" s="221"/>
      <c r="H65" s="221"/>
      <c r="I65" s="302"/>
      <c r="J65" s="221"/>
      <c r="K65" s="221"/>
      <c r="L65" s="303"/>
      <c r="M65" s="221"/>
      <c r="N65" s="221"/>
      <c r="O65" s="221"/>
      <c r="P65" s="221"/>
      <c r="Q65" s="221"/>
      <c r="R65" s="302"/>
      <c r="S65" s="221"/>
      <c r="T65" s="221"/>
      <c r="U65" s="221"/>
      <c r="V65" s="221"/>
      <c r="W65" s="221"/>
      <c r="X65" s="221"/>
      <c r="Y65" s="302"/>
      <c r="Z65" s="221"/>
      <c r="AA65" s="221"/>
      <c r="AB65" s="221"/>
      <c r="AC65" s="221"/>
      <c r="AD65" s="221"/>
      <c r="AE65" s="221"/>
      <c r="AF65" s="315"/>
      <c r="AG65" s="221"/>
      <c r="AH65" s="316"/>
    </row>
    <row r="66" spans="1:34" ht="14.1" customHeight="1">
      <c r="A66" s="779" t="s">
        <v>424</v>
      </c>
      <c r="B66" s="780"/>
      <c r="C66" s="223"/>
      <c r="D66" s="224"/>
      <c r="E66" s="223"/>
      <c r="F66" s="224"/>
      <c r="G66" s="224"/>
      <c r="H66" s="224"/>
      <c r="I66" s="283"/>
      <c r="J66" s="224"/>
      <c r="K66" s="224"/>
      <c r="L66" s="307"/>
      <c r="M66" s="224"/>
      <c r="N66" s="224"/>
      <c r="O66" s="224"/>
      <c r="P66" s="224"/>
      <c r="Q66" s="224"/>
      <c r="R66" s="283"/>
      <c r="S66" s="224"/>
      <c r="T66" s="224"/>
      <c r="U66" s="224"/>
      <c r="V66" s="224"/>
      <c r="W66" s="224"/>
      <c r="X66" s="224"/>
      <c r="Y66" s="283"/>
      <c r="Z66" s="224"/>
      <c r="AA66" s="224"/>
      <c r="AB66" s="224"/>
      <c r="AC66" s="224"/>
      <c r="AD66" s="224"/>
      <c r="AE66" s="224"/>
      <c r="AF66" s="319"/>
      <c r="AG66" s="224"/>
      <c r="AH66" s="320"/>
    </row>
    <row r="67" spans="1:34" ht="14.1" customHeight="1">
      <c r="A67" s="779" t="s">
        <v>425</v>
      </c>
      <c r="B67" s="780"/>
      <c r="C67" s="223" t="s">
        <v>392</v>
      </c>
      <c r="D67" s="224"/>
      <c r="E67" s="223"/>
      <c r="F67" s="224"/>
      <c r="G67" s="224"/>
      <c r="H67" s="224"/>
      <c r="I67" s="283"/>
      <c r="J67" s="224"/>
      <c r="K67" s="224"/>
      <c r="L67" s="307"/>
      <c r="M67" s="224"/>
      <c r="N67" s="224"/>
      <c r="O67" s="224"/>
      <c r="P67" s="224"/>
      <c r="Q67" s="224"/>
      <c r="R67" s="283"/>
      <c r="S67" s="224"/>
      <c r="T67" s="224"/>
      <c r="U67" s="224"/>
      <c r="V67" s="224"/>
      <c r="W67" s="224"/>
      <c r="X67" s="224"/>
      <c r="Y67" s="283"/>
      <c r="Z67" s="224"/>
      <c r="AA67" s="224"/>
      <c r="AB67" s="224"/>
      <c r="AC67" s="224"/>
      <c r="AD67" s="224"/>
      <c r="AE67" s="224"/>
      <c r="AF67" s="319"/>
      <c r="AG67" s="224"/>
      <c r="AH67" s="320"/>
    </row>
    <row r="68" spans="1:34" ht="14.1" customHeight="1">
      <c r="A68" s="779" t="s">
        <v>426</v>
      </c>
      <c r="B68" s="780"/>
      <c r="C68" s="220" t="s">
        <v>423</v>
      </c>
      <c r="D68" s="221"/>
      <c r="E68" s="220"/>
      <c r="F68" s="221"/>
      <c r="G68" s="221"/>
      <c r="H68" s="221"/>
      <c r="I68" s="302"/>
      <c r="J68" s="221"/>
      <c r="K68" s="221"/>
      <c r="L68" s="303"/>
      <c r="M68" s="221"/>
      <c r="N68" s="221"/>
      <c r="O68" s="221"/>
      <c r="P68" s="221"/>
      <c r="Q68" s="221"/>
      <c r="R68" s="302"/>
      <c r="S68" s="221"/>
      <c r="T68" s="221"/>
      <c r="U68" s="221"/>
      <c r="V68" s="221"/>
      <c r="W68" s="221"/>
      <c r="X68" s="221"/>
      <c r="Y68" s="302"/>
      <c r="Z68" s="221"/>
      <c r="AA68" s="221"/>
      <c r="AB68" s="221"/>
      <c r="AC68" s="221"/>
      <c r="AD68" s="221"/>
      <c r="AE68" s="221"/>
      <c r="AF68" s="315"/>
      <c r="AG68" s="221"/>
      <c r="AH68" s="316"/>
    </row>
    <row r="69" spans="1:34" ht="14.1" customHeight="1">
      <c r="A69" s="245"/>
      <c r="B69" s="246"/>
      <c r="C69" s="223"/>
      <c r="D69" s="224"/>
      <c r="E69" s="223"/>
      <c r="F69" s="224"/>
      <c r="G69" s="224"/>
      <c r="H69" s="224"/>
      <c r="I69" s="283"/>
      <c r="J69" s="224"/>
      <c r="K69" s="224"/>
      <c r="L69" s="307"/>
      <c r="M69" s="224"/>
      <c r="N69" s="224"/>
      <c r="O69" s="224"/>
      <c r="P69" s="224"/>
      <c r="Q69" s="224"/>
      <c r="R69" s="283"/>
      <c r="S69" s="224"/>
      <c r="T69" s="224"/>
      <c r="U69" s="224"/>
      <c r="V69" s="224"/>
      <c r="W69" s="224"/>
      <c r="X69" s="224"/>
      <c r="Y69" s="283"/>
      <c r="Z69" s="224"/>
      <c r="AA69" s="224"/>
      <c r="AB69" s="224"/>
      <c r="AC69" s="224"/>
      <c r="AD69" s="224"/>
      <c r="AE69" s="224"/>
      <c r="AF69" s="319"/>
      <c r="AG69" s="224"/>
      <c r="AH69" s="320"/>
    </row>
    <row r="70" spans="1:34" ht="14.1" customHeight="1">
      <c r="A70" s="245"/>
      <c r="B70" s="246"/>
      <c r="C70" s="223" t="s">
        <v>392</v>
      </c>
      <c r="D70" s="224"/>
      <c r="E70" s="227"/>
      <c r="F70" s="228"/>
      <c r="G70" s="228"/>
      <c r="H70" s="228"/>
      <c r="I70" s="281"/>
      <c r="J70" s="228"/>
      <c r="K70" s="228"/>
      <c r="L70" s="311"/>
      <c r="M70" s="228"/>
      <c r="N70" s="228"/>
      <c r="O70" s="228"/>
      <c r="P70" s="228"/>
      <c r="Q70" s="228"/>
      <c r="R70" s="281"/>
      <c r="S70" s="228"/>
      <c r="T70" s="228"/>
      <c r="U70" s="228"/>
      <c r="V70" s="228"/>
      <c r="W70" s="228"/>
      <c r="X70" s="228"/>
      <c r="Y70" s="281"/>
      <c r="Z70" s="228"/>
      <c r="AA70" s="228"/>
      <c r="AB70" s="228"/>
      <c r="AC70" s="228"/>
      <c r="AD70" s="228"/>
      <c r="AE70" s="228"/>
      <c r="AF70" s="317"/>
      <c r="AG70" s="228"/>
      <c r="AH70" s="318"/>
    </row>
    <row r="71" spans="1:34" ht="14.1" customHeight="1">
      <c r="A71" s="245"/>
      <c r="B71" s="246"/>
      <c r="C71" s="220"/>
      <c r="D71" s="221"/>
      <c r="E71" s="223"/>
      <c r="F71" s="224"/>
      <c r="G71" s="224"/>
      <c r="H71" s="224"/>
      <c r="I71" s="283"/>
      <c r="J71" s="224"/>
      <c r="K71" s="224"/>
      <c r="L71" s="307"/>
      <c r="M71" s="224"/>
      <c r="N71" s="224"/>
      <c r="O71" s="224"/>
      <c r="P71" s="224"/>
      <c r="Q71" s="224"/>
      <c r="R71" s="283"/>
      <c r="S71" s="224"/>
      <c r="T71" s="224"/>
      <c r="U71" s="224"/>
      <c r="V71" s="224"/>
      <c r="W71" s="224"/>
      <c r="X71" s="224"/>
      <c r="Y71" s="283"/>
      <c r="Z71" s="224"/>
      <c r="AA71" s="224"/>
      <c r="AB71" s="224"/>
      <c r="AC71" s="224"/>
      <c r="AD71" s="224"/>
      <c r="AE71" s="224"/>
      <c r="AF71" s="319"/>
      <c r="AG71" s="224"/>
      <c r="AH71" s="320"/>
    </row>
    <row r="72" spans="1:34" ht="14.1" customHeight="1">
      <c r="A72" s="245"/>
      <c r="B72" s="246"/>
      <c r="C72" s="223"/>
      <c r="D72" s="224"/>
      <c r="E72" s="223"/>
      <c r="F72" s="224"/>
      <c r="G72" s="224"/>
      <c r="H72" s="224"/>
      <c r="I72" s="283"/>
      <c r="J72" s="224"/>
      <c r="K72" s="224"/>
      <c r="L72" s="307"/>
      <c r="M72" s="224"/>
      <c r="N72" s="224"/>
      <c r="O72" s="224"/>
      <c r="P72" s="224"/>
      <c r="Q72" s="224"/>
      <c r="R72" s="283"/>
      <c r="S72" s="224"/>
      <c r="T72" s="224"/>
      <c r="U72" s="224"/>
      <c r="V72" s="224"/>
      <c r="W72" s="224"/>
      <c r="X72" s="224"/>
      <c r="Y72" s="283"/>
      <c r="Z72" s="224"/>
      <c r="AA72" s="224"/>
      <c r="AB72" s="224"/>
      <c r="AC72" s="224"/>
      <c r="AD72" s="224"/>
      <c r="AE72" s="224"/>
      <c r="AF72" s="319"/>
      <c r="AG72" s="224"/>
      <c r="AH72" s="320"/>
    </row>
    <row r="73" spans="1:34" ht="14.1" customHeight="1">
      <c r="A73" s="245"/>
      <c r="B73" s="246"/>
      <c r="C73" s="227" t="s">
        <v>392</v>
      </c>
      <c r="D73" s="228"/>
      <c r="E73" s="223"/>
      <c r="F73" s="224"/>
      <c r="G73" s="224"/>
      <c r="H73" s="224"/>
      <c r="I73" s="283"/>
      <c r="J73" s="224"/>
      <c r="K73" s="224"/>
      <c r="L73" s="307"/>
      <c r="M73" s="224"/>
      <c r="N73" s="224"/>
      <c r="O73" s="224"/>
      <c r="P73" s="224"/>
      <c r="Q73" s="224"/>
      <c r="R73" s="283"/>
      <c r="S73" s="224"/>
      <c r="T73" s="224"/>
      <c r="U73" s="224"/>
      <c r="V73" s="224"/>
      <c r="W73" s="224"/>
      <c r="X73" s="224"/>
      <c r="Y73" s="283"/>
      <c r="Z73" s="224"/>
      <c r="AA73" s="224"/>
      <c r="AB73" s="224"/>
      <c r="AC73" s="224"/>
      <c r="AD73" s="224"/>
      <c r="AE73" s="224"/>
      <c r="AF73" s="319"/>
      <c r="AG73" s="224"/>
      <c r="AH73" s="320"/>
    </row>
    <row r="74" spans="1:34" ht="14.1" customHeight="1">
      <c r="A74" s="779"/>
      <c r="B74" s="780"/>
      <c r="C74" s="220"/>
      <c r="D74" s="221"/>
      <c r="E74" s="220"/>
      <c r="F74" s="221"/>
      <c r="G74" s="221"/>
      <c r="H74" s="221"/>
      <c r="I74" s="302"/>
      <c r="J74" s="221"/>
      <c r="K74" s="221"/>
      <c r="L74" s="303"/>
      <c r="M74" s="221"/>
      <c r="N74" s="221"/>
      <c r="O74" s="221"/>
      <c r="P74" s="221"/>
      <c r="Q74" s="221"/>
      <c r="R74" s="302"/>
      <c r="S74" s="221"/>
      <c r="T74" s="221"/>
      <c r="U74" s="221"/>
      <c r="V74" s="221"/>
      <c r="W74" s="221"/>
      <c r="X74" s="221"/>
      <c r="Y74" s="302"/>
      <c r="Z74" s="221"/>
      <c r="AA74" s="221"/>
      <c r="AB74" s="221"/>
      <c r="AC74" s="221"/>
      <c r="AD74" s="221"/>
      <c r="AE74" s="221"/>
      <c r="AF74" s="315"/>
      <c r="AG74" s="221"/>
      <c r="AH74" s="316"/>
    </row>
    <row r="75" spans="1:34" ht="14.1" customHeight="1">
      <c r="A75" s="779"/>
      <c r="B75" s="780"/>
      <c r="C75" s="223"/>
      <c r="D75" s="224"/>
      <c r="E75" s="223"/>
      <c r="F75" s="224"/>
      <c r="G75" s="224"/>
      <c r="H75" s="224"/>
      <c r="I75" s="283"/>
      <c r="J75" s="224"/>
      <c r="K75" s="224"/>
      <c r="L75" s="307"/>
      <c r="M75" s="224"/>
      <c r="N75" s="224"/>
      <c r="O75" s="224"/>
      <c r="P75" s="224"/>
      <c r="Q75" s="224"/>
      <c r="R75" s="283"/>
      <c r="S75" s="224"/>
      <c r="T75" s="224"/>
      <c r="U75" s="224"/>
      <c r="V75" s="224"/>
      <c r="W75" s="224"/>
      <c r="X75" s="224"/>
      <c r="Y75" s="283"/>
      <c r="Z75" s="224"/>
      <c r="AA75" s="224"/>
      <c r="AB75" s="224"/>
      <c r="AC75" s="224"/>
      <c r="AD75" s="224"/>
      <c r="AE75" s="224"/>
      <c r="AF75" s="319"/>
      <c r="AG75" s="224"/>
      <c r="AH75" s="320"/>
    </row>
    <row r="76" spans="1:34" ht="14.1" customHeight="1">
      <c r="A76" s="777"/>
      <c r="B76" s="778"/>
      <c r="C76" s="227"/>
      <c r="D76" s="228"/>
      <c r="E76" s="227"/>
      <c r="F76" s="228"/>
      <c r="G76" s="228"/>
      <c r="H76" s="228"/>
      <c r="I76" s="281"/>
      <c r="J76" s="228"/>
      <c r="K76" s="228"/>
      <c r="L76" s="311"/>
      <c r="M76" s="228"/>
      <c r="N76" s="228"/>
      <c r="O76" s="228"/>
      <c r="P76" s="228"/>
      <c r="Q76" s="228"/>
      <c r="R76" s="281"/>
      <c r="S76" s="228"/>
      <c r="T76" s="228"/>
      <c r="U76" s="228"/>
      <c r="V76" s="228"/>
      <c r="W76" s="228"/>
      <c r="X76" s="228"/>
      <c r="Y76" s="281"/>
      <c r="Z76" s="228"/>
      <c r="AA76" s="228"/>
      <c r="AB76" s="228"/>
      <c r="AC76" s="228"/>
      <c r="AD76" s="228"/>
      <c r="AE76" s="228"/>
      <c r="AF76" s="317"/>
      <c r="AG76" s="228"/>
      <c r="AH76" s="318"/>
    </row>
    <row r="77" spans="1:34" ht="6" customHeight="1">
      <c r="E77" s="224"/>
      <c r="F77" s="224"/>
      <c r="G77" s="224"/>
      <c r="H77" s="224"/>
      <c r="I77" s="224"/>
      <c r="J77" s="224"/>
      <c r="K77" s="224"/>
      <c r="L77" s="324"/>
      <c r="M77" s="224"/>
      <c r="N77" s="224"/>
      <c r="R77" s="283"/>
      <c r="AF77" s="224"/>
      <c r="AG77" s="224"/>
      <c r="AH77" s="224"/>
    </row>
    <row r="78" spans="1:34" ht="5.45" customHeight="1"/>
    <row r="79" spans="1:34">
      <c r="A79" s="218" t="s">
        <v>403</v>
      </c>
    </row>
    <row r="80" spans="1:34">
      <c r="A80" s="218" t="s">
        <v>404</v>
      </c>
    </row>
    <row r="81" spans="1:14">
      <c r="A81" s="218" t="s">
        <v>405</v>
      </c>
    </row>
    <row r="82" spans="1:14">
      <c r="A82" s="218" t="s">
        <v>430</v>
      </c>
    </row>
    <row r="83" spans="1:14">
      <c r="A83" s="218" t="s">
        <v>431</v>
      </c>
    </row>
    <row r="84" spans="1:14">
      <c r="A84" s="218" t="s">
        <v>429</v>
      </c>
    </row>
    <row r="85" spans="1:14">
      <c r="A85" s="218" t="s">
        <v>432</v>
      </c>
    </row>
    <row r="86" spans="1:14">
      <c r="A86" s="218" t="s">
        <v>433</v>
      </c>
      <c r="N86" s="325"/>
    </row>
  </sheetData>
  <mergeCells count="16">
    <mergeCell ref="A59:B59"/>
    <mergeCell ref="A35:B43"/>
    <mergeCell ref="A44:B55"/>
    <mergeCell ref="A57:B57"/>
    <mergeCell ref="A3:D3"/>
    <mergeCell ref="A5:D5"/>
    <mergeCell ref="A7:D7"/>
    <mergeCell ref="A8:D8"/>
    <mergeCell ref="A14:B34"/>
    <mergeCell ref="A76:B76"/>
    <mergeCell ref="A61:B61"/>
    <mergeCell ref="A66:B66"/>
    <mergeCell ref="A67:B67"/>
    <mergeCell ref="A68:B68"/>
    <mergeCell ref="A74:B74"/>
    <mergeCell ref="A75:B75"/>
  </mergeCells>
  <phoneticPr fontId="1"/>
  <pageMargins left="0.70866141732283472" right="0.70866141732283472" top="0.74803149606299213" bottom="0.74803149606299213" header="0.31496062992125984" footer="0.31496062992125984"/>
  <pageSetup paperSize="9" scale="60" orientation="landscape" r:id="rId1"/>
  <headerFooter>
    <oddFooter>&amp;P / &amp;N ページ</oddFooter>
  </headerFooter>
  <rowBreaks count="1" manualBreakCount="1">
    <brk id="55"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86"/>
  <sheetViews>
    <sheetView view="pageBreakPreview" zoomScaleNormal="100" zoomScaleSheetLayoutView="100" workbookViewId="0">
      <pane xSplit="4" ySplit="3" topLeftCell="F25" activePane="bottomRight" state="frozen"/>
      <selection activeCell="K15" sqref="K15"/>
      <selection pane="topRight" activeCell="K15" sqref="K15"/>
      <selection pane="bottomLeft" activeCell="K15" sqref="K15"/>
      <selection pane="bottomRight" activeCell="K15" sqref="K15"/>
    </sheetView>
  </sheetViews>
  <sheetFormatPr defaultColWidth="4.5" defaultRowHeight="12"/>
  <cols>
    <col min="1" max="3" width="3.75" style="218" customWidth="1"/>
    <col min="4" max="4" width="6" style="218" customWidth="1"/>
    <col min="5" max="5" width="5.25" style="218" customWidth="1"/>
    <col min="6" max="29" width="6.25" style="218" customWidth="1"/>
    <col min="30" max="30" width="4.875" style="218" customWidth="1"/>
    <col min="31" max="31" width="5.625" style="218" customWidth="1"/>
    <col min="32" max="34" width="6.625" style="218" customWidth="1"/>
    <col min="35" max="251" width="4.5" style="218"/>
    <col min="252" max="254" width="3.75" style="218" customWidth="1"/>
    <col min="255" max="255" width="6" style="218" customWidth="1"/>
    <col min="256" max="275" width="4.5" style="218" customWidth="1"/>
    <col min="276" max="285" width="3.75" style="218" customWidth="1"/>
    <col min="286" max="286" width="4.875" style="218" customWidth="1"/>
    <col min="287" max="287" width="5.625" style="218" customWidth="1"/>
    <col min="288" max="290" width="6.625" style="218" customWidth="1"/>
    <col min="291" max="507" width="4.5" style="218"/>
    <col min="508" max="510" width="3.75" style="218" customWidth="1"/>
    <col min="511" max="511" width="6" style="218" customWidth="1"/>
    <col min="512" max="531" width="4.5" style="218" customWidth="1"/>
    <col min="532" max="541" width="3.75" style="218" customWidth="1"/>
    <col min="542" max="542" width="4.875" style="218" customWidth="1"/>
    <col min="543" max="543" width="5.625" style="218" customWidth="1"/>
    <col min="544" max="546" width="6.625" style="218" customWidth="1"/>
    <col min="547" max="763" width="4.5" style="218"/>
    <col min="764" max="766" width="3.75" style="218" customWidth="1"/>
    <col min="767" max="767" width="6" style="218" customWidth="1"/>
    <col min="768" max="787" width="4.5" style="218" customWidth="1"/>
    <col min="788" max="797" width="3.75" style="218" customWidth="1"/>
    <col min="798" max="798" width="4.875" style="218" customWidth="1"/>
    <col min="799" max="799" width="5.625" style="218" customWidth="1"/>
    <col min="800" max="802" width="6.625" style="218" customWidth="1"/>
    <col min="803" max="1019" width="4.5" style="218"/>
    <col min="1020" max="1022" width="3.75" style="218" customWidth="1"/>
    <col min="1023" max="1023" width="6" style="218" customWidth="1"/>
    <col min="1024" max="1043" width="4.5" style="218" customWidth="1"/>
    <col min="1044" max="1053" width="3.75" style="218" customWidth="1"/>
    <col min="1054" max="1054" width="4.875" style="218" customWidth="1"/>
    <col min="1055" max="1055" width="5.625" style="218" customWidth="1"/>
    <col min="1056" max="1058" width="6.625" style="218" customWidth="1"/>
    <col min="1059" max="1275" width="4.5" style="218"/>
    <col min="1276" max="1278" width="3.75" style="218" customWidth="1"/>
    <col min="1279" max="1279" width="6" style="218" customWidth="1"/>
    <col min="1280" max="1299" width="4.5" style="218" customWidth="1"/>
    <col min="1300" max="1309" width="3.75" style="218" customWidth="1"/>
    <col min="1310" max="1310" width="4.875" style="218" customWidth="1"/>
    <col min="1311" max="1311" width="5.625" style="218" customWidth="1"/>
    <col min="1312" max="1314" width="6.625" style="218" customWidth="1"/>
    <col min="1315" max="1531" width="4.5" style="218"/>
    <col min="1532" max="1534" width="3.75" style="218" customWidth="1"/>
    <col min="1535" max="1535" width="6" style="218" customWidth="1"/>
    <col min="1536" max="1555" width="4.5" style="218" customWidth="1"/>
    <col min="1556" max="1565" width="3.75" style="218" customWidth="1"/>
    <col min="1566" max="1566" width="4.875" style="218" customWidth="1"/>
    <col min="1567" max="1567" width="5.625" style="218" customWidth="1"/>
    <col min="1568" max="1570" width="6.625" style="218" customWidth="1"/>
    <col min="1571" max="1787" width="4.5" style="218"/>
    <col min="1788" max="1790" width="3.75" style="218" customWidth="1"/>
    <col min="1791" max="1791" width="6" style="218" customWidth="1"/>
    <col min="1792" max="1811" width="4.5" style="218" customWidth="1"/>
    <col min="1812" max="1821" width="3.75" style="218" customWidth="1"/>
    <col min="1822" max="1822" width="4.875" style="218" customWidth="1"/>
    <col min="1823" max="1823" width="5.625" style="218" customWidth="1"/>
    <col min="1824" max="1826" width="6.625" style="218" customWidth="1"/>
    <col min="1827" max="2043" width="4.5" style="218"/>
    <col min="2044" max="2046" width="3.75" style="218" customWidth="1"/>
    <col min="2047" max="2047" width="6" style="218" customWidth="1"/>
    <col min="2048" max="2067" width="4.5" style="218" customWidth="1"/>
    <col min="2068" max="2077" width="3.75" style="218" customWidth="1"/>
    <col min="2078" max="2078" width="4.875" style="218" customWidth="1"/>
    <col min="2079" max="2079" width="5.625" style="218" customWidth="1"/>
    <col min="2080" max="2082" width="6.625" style="218" customWidth="1"/>
    <col min="2083" max="2299" width="4.5" style="218"/>
    <col min="2300" max="2302" width="3.75" style="218" customWidth="1"/>
    <col min="2303" max="2303" width="6" style="218" customWidth="1"/>
    <col min="2304" max="2323" width="4.5" style="218" customWidth="1"/>
    <col min="2324" max="2333" width="3.75" style="218" customWidth="1"/>
    <col min="2334" max="2334" width="4.875" style="218" customWidth="1"/>
    <col min="2335" max="2335" width="5.625" style="218" customWidth="1"/>
    <col min="2336" max="2338" width="6.625" style="218" customWidth="1"/>
    <col min="2339" max="2555" width="4.5" style="218"/>
    <col min="2556" max="2558" width="3.75" style="218" customWidth="1"/>
    <col min="2559" max="2559" width="6" style="218" customWidth="1"/>
    <col min="2560" max="2579" width="4.5" style="218" customWidth="1"/>
    <col min="2580" max="2589" width="3.75" style="218" customWidth="1"/>
    <col min="2590" max="2590" width="4.875" style="218" customWidth="1"/>
    <col min="2591" max="2591" width="5.625" style="218" customWidth="1"/>
    <col min="2592" max="2594" width="6.625" style="218" customWidth="1"/>
    <col min="2595" max="2811" width="4.5" style="218"/>
    <col min="2812" max="2814" width="3.75" style="218" customWidth="1"/>
    <col min="2815" max="2815" width="6" style="218" customWidth="1"/>
    <col min="2816" max="2835" width="4.5" style="218" customWidth="1"/>
    <col min="2836" max="2845" width="3.75" style="218" customWidth="1"/>
    <col min="2846" max="2846" width="4.875" style="218" customWidth="1"/>
    <col min="2847" max="2847" width="5.625" style="218" customWidth="1"/>
    <col min="2848" max="2850" width="6.625" style="218" customWidth="1"/>
    <col min="2851" max="3067" width="4.5" style="218"/>
    <col min="3068" max="3070" width="3.75" style="218" customWidth="1"/>
    <col min="3071" max="3071" width="6" style="218" customWidth="1"/>
    <col min="3072" max="3091" width="4.5" style="218" customWidth="1"/>
    <col min="3092" max="3101" width="3.75" style="218" customWidth="1"/>
    <col min="3102" max="3102" width="4.875" style="218" customWidth="1"/>
    <col min="3103" max="3103" width="5.625" style="218" customWidth="1"/>
    <col min="3104" max="3106" width="6.625" style="218" customWidth="1"/>
    <col min="3107" max="3323" width="4.5" style="218"/>
    <col min="3324" max="3326" width="3.75" style="218" customWidth="1"/>
    <col min="3327" max="3327" width="6" style="218" customWidth="1"/>
    <col min="3328" max="3347" width="4.5" style="218" customWidth="1"/>
    <col min="3348" max="3357" width="3.75" style="218" customWidth="1"/>
    <col min="3358" max="3358" width="4.875" style="218" customWidth="1"/>
    <col min="3359" max="3359" width="5.625" style="218" customWidth="1"/>
    <col min="3360" max="3362" width="6.625" style="218" customWidth="1"/>
    <col min="3363" max="3579" width="4.5" style="218"/>
    <col min="3580" max="3582" width="3.75" style="218" customWidth="1"/>
    <col min="3583" max="3583" width="6" style="218" customWidth="1"/>
    <col min="3584" max="3603" width="4.5" style="218" customWidth="1"/>
    <col min="3604" max="3613" width="3.75" style="218" customWidth="1"/>
    <col min="3614" max="3614" width="4.875" style="218" customWidth="1"/>
    <col min="3615" max="3615" width="5.625" style="218" customWidth="1"/>
    <col min="3616" max="3618" width="6.625" style="218" customWidth="1"/>
    <col min="3619" max="3835" width="4.5" style="218"/>
    <col min="3836" max="3838" width="3.75" style="218" customWidth="1"/>
    <col min="3839" max="3839" width="6" style="218" customWidth="1"/>
    <col min="3840" max="3859" width="4.5" style="218" customWidth="1"/>
    <col min="3860" max="3869" width="3.75" style="218" customWidth="1"/>
    <col min="3870" max="3870" width="4.875" style="218" customWidth="1"/>
    <col min="3871" max="3871" width="5.625" style="218" customWidth="1"/>
    <col min="3872" max="3874" width="6.625" style="218" customWidth="1"/>
    <col min="3875" max="4091" width="4.5" style="218"/>
    <col min="4092" max="4094" width="3.75" style="218" customWidth="1"/>
    <col min="4095" max="4095" width="6" style="218" customWidth="1"/>
    <col min="4096" max="4115" width="4.5" style="218" customWidth="1"/>
    <col min="4116" max="4125" width="3.75" style="218" customWidth="1"/>
    <col min="4126" max="4126" width="4.875" style="218" customWidth="1"/>
    <col min="4127" max="4127" width="5.625" style="218" customWidth="1"/>
    <col min="4128" max="4130" width="6.625" style="218" customWidth="1"/>
    <col min="4131" max="4347" width="4.5" style="218"/>
    <col min="4348" max="4350" width="3.75" style="218" customWidth="1"/>
    <col min="4351" max="4351" width="6" style="218" customWidth="1"/>
    <col min="4352" max="4371" width="4.5" style="218" customWidth="1"/>
    <col min="4372" max="4381" width="3.75" style="218" customWidth="1"/>
    <col min="4382" max="4382" width="4.875" style="218" customWidth="1"/>
    <col min="4383" max="4383" width="5.625" style="218" customWidth="1"/>
    <col min="4384" max="4386" width="6.625" style="218" customWidth="1"/>
    <col min="4387" max="4603" width="4.5" style="218"/>
    <col min="4604" max="4606" width="3.75" style="218" customWidth="1"/>
    <col min="4607" max="4607" width="6" style="218" customWidth="1"/>
    <col min="4608" max="4627" width="4.5" style="218" customWidth="1"/>
    <col min="4628" max="4637" width="3.75" style="218" customWidth="1"/>
    <col min="4638" max="4638" width="4.875" style="218" customWidth="1"/>
    <col min="4639" max="4639" width="5.625" style="218" customWidth="1"/>
    <col min="4640" max="4642" width="6.625" style="218" customWidth="1"/>
    <col min="4643" max="4859" width="4.5" style="218"/>
    <col min="4860" max="4862" width="3.75" style="218" customWidth="1"/>
    <col min="4863" max="4863" width="6" style="218" customWidth="1"/>
    <col min="4864" max="4883" width="4.5" style="218" customWidth="1"/>
    <col min="4884" max="4893" width="3.75" style="218" customWidth="1"/>
    <col min="4894" max="4894" width="4.875" style="218" customWidth="1"/>
    <col min="4895" max="4895" width="5.625" style="218" customWidth="1"/>
    <col min="4896" max="4898" width="6.625" style="218" customWidth="1"/>
    <col min="4899" max="5115" width="4.5" style="218"/>
    <col min="5116" max="5118" width="3.75" style="218" customWidth="1"/>
    <col min="5119" max="5119" width="6" style="218" customWidth="1"/>
    <col min="5120" max="5139" width="4.5" style="218" customWidth="1"/>
    <col min="5140" max="5149" width="3.75" style="218" customWidth="1"/>
    <col min="5150" max="5150" width="4.875" style="218" customWidth="1"/>
    <col min="5151" max="5151" width="5.625" style="218" customWidth="1"/>
    <col min="5152" max="5154" width="6.625" style="218" customWidth="1"/>
    <col min="5155" max="5371" width="4.5" style="218"/>
    <col min="5372" max="5374" width="3.75" style="218" customWidth="1"/>
    <col min="5375" max="5375" width="6" style="218" customWidth="1"/>
    <col min="5376" max="5395" width="4.5" style="218" customWidth="1"/>
    <col min="5396" max="5405" width="3.75" style="218" customWidth="1"/>
    <col min="5406" max="5406" width="4.875" style="218" customWidth="1"/>
    <col min="5407" max="5407" width="5.625" style="218" customWidth="1"/>
    <col min="5408" max="5410" width="6.625" style="218" customWidth="1"/>
    <col min="5411" max="5627" width="4.5" style="218"/>
    <col min="5628" max="5630" width="3.75" style="218" customWidth="1"/>
    <col min="5631" max="5631" width="6" style="218" customWidth="1"/>
    <col min="5632" max="5651" width="4.5" style="218" customWidth="1"/>
    <col min="5652" max="5661" width="3.75" style="218" customWidth="1"/>
    <col min="5662" max="5662" width="4.875" style="218" customWidth="1"/>
    <col min="5663" max="5663" width="5.625" style="218" customWidth="1"/>
    <col min="5664" max="5666" width="6.625" style="218" customWidth="1"/>
    <col min="5667" max="5883" width="4.5" style="218"/>
    <col min="5884" max="5886" width="3.75" style="218" customWidth="1"/>
    <col min="5887" max="5887" width="6" style="218" customWidth="1"/>
    <col min="5888" max="5907" width="4.5" style="218" customWidth="1"/>
    <col min="5908" max="5917" width="3.75" style="218" customWidth="1"/>
    <col min="5918" max="5918" width="4.875" style="218" customWidth="1"/>
    <col min="5919" max="5919" width="5.625" style="218" customWidth="1"/>
    <col min="5920" max="5922" width="6.625" style="218" customWidth="1"/>
    <col min="5923" max="6139" width="4.5" style="218"/>
    <col min="6140" max="6142" width="3.75" style="218" customWidth="1"/>
    <col min="6143" max="6143" width="6" style="218" customWidth="1"/>
    <col min="6144" max="6163" width="4.5" style="218" customWidth="1"/>
    <col min="6164" max="6173" width="3.75" style="218" customWidth="1"/>
    <col min="6174" max="6174" width="4.875" style="218" customWidth="1"/>
    <col min="6175" max="6175" width="5.625" style="218" customWidth="1"/>
    <col min="6176" max="6178" width="6.625" style="218" customWidth="1"/>
    <col min="6179" max="6395" width="4.5" style="218"/>
    <col min="6396" max="6398" width="3.75" style="218" customWidth="1"/>
    <col min="6399" max="6399" width="6" style="218" customWidth="1"/>
    <col min="6400" max="6419" width="4.5" style="218" customWidth="1"/>
    <col min="6420" max="6429" width="3.75" style="218" customWidth="1"/>
    <col min="6430" max="6430" width="4.875" style="218" customWidth="1"/>
    <col min="6431" max="6431" width="5.625" style="218" customWidth="1"/>
    <col min="6432" max="6434" width="6.625" style="218" customWidth="1"/>
    <col min="6435" max="6651" width="4.5" style="218"/>
    <col min="6652" max="6654" width="3.75" style="218" customWidth="1"/>
    <col min="6655" max="6655" width="6" style="218" customWidth="1"/>
    <col min="6656" max="6675" width="4.5" style="218" customWidth="1"/>
    <col min="6676" max="6685" width="3.75" style="218" customWidth="1"/>
    <col min="6686" max="6686" width="4.875" style="218" customWidth="1"/>
    <col min="6687" max="6687" width="5.625" style="218" customWidth="1"/>
    <col min="6688" max="6690" width="6.625" style="218" customWidth="1"/>
    <col min="6691" max="6907" width="4.5" style="218"/>
    <col min="6908" max="6910" width="3.75" style="218" customWidth="1"/>
    <col min="6911" max="6911" width="6" style="218" customWidth="1"/>
    <col min="6912" max="6931" width="4.5" style="218" customWidth="1"/>
    <col min="6932" max="6941" width="3.75" style="218" customWidth="1"/>
    <col min="6942" max="6942" width="4.875" style="218" customWidth="1"/>
    <col min="6943" max="6943" width="5.625" style="218" customWidth="1"/>
    <col min="6944" max="6946" width="6.625" style="218" customWidth="1"/>
    <col min="6947" max="7163" width="4.5" style="218"/>
    <col min="7164" max="7166" width="3.75" style="218" customWidth="1"/>
    <col min="7167" max="7167" width="6" style="218" customWidth="1"/>
    <col min="7168" max="7187" width="4.5" style="218" customWidth="1"/>
    <col min="7188" max="7197" width="3.75" style="218" customWidth="1"/>
    <col min="7198" max="7198" width="4.875" style="218" customWidth="1"/>
    <col min="7199" max="7199" width="5.625" style="218" customWidth="1"/>
    <col min="7200" max="7202" width="6.625" style="218" customWidth="1"/>
    <col min="7203" max="7419" width="4.5" style="218"/>
    <col min="7420" max="7422" width="3.75" style="218" customWidth="1"/>
    <col min="7423" max="7423" width="6" style="218" customWidth="1"/>
    <col min="7424" max="7443" width="4.5" style="218" customWidth="1"/>
    <col min="7444" max="7453" width="3.75" style="218" customWidth="1"/>
    <col min="7454" max="7454" width="4.875" style="218" customWidth="1"/>
    <col min="7455" max="7455" width="5.625" style="218" customWidth="1"/>
    <col min="7456" max="7458" width="6.625" style="218" customWidth="1"/>
    <col min="7459" max="7675" width="4.5" style="218"/>
    <col min="7676" max="7678" width="3.75" style="218" customWidth="1"/>
    <col min="7679" max="7679" width="6" style="218" customWidth="1"/>
    <col min="7680" max="7699" width="4.5" style="218" customWidth="1"/>
    <col min="7700" max="7709" width="3.75" style="218" customWidth="1"/>
    <col min="7710" max="7710" width="4.875" style="218" customWidth="1"/>
    <col min="7711" max="7711" width="5.625" style="218" customWidth="1"/>
    <col min="7712" max="7714" width="6.625" style="218" customWidth="1"/>
    <col min="7715" max="7931" width="4.5" style="218"/>
    <col min="7932" max="7934" width="3.75" style="218" customWidth="1"/>
    <col min="7935" max="7935" width="6" style="218" customWidth="1"/>
    <col min="7936" max="7955" width="4.5" style="218" customWidth="1"/>
    <col min="7956" max="7965" width="3.75" style="218" customWidth="1"/>
    <col min="7966" max="7966" width="4.875" style="218" customWidth="1"/>
    <col min="7967" max="7967" width="5.625" style="218" customWidth="1"/>
    <col min="7968" max="7970" width="6.625" style="218" customWidth="1"/>
    <col min="7971" max="8187" width="4.5" style="218"/>
    <col min="8188" max="8190" width="3.75" style="218" customWidth="1"/>
    <col min="8191" max="8191" width="6" style="218" customWidth="1"/>
    <col min="8192" max="8211" width="4.5" style="218" customWidth="1"/>
    <col min="8212" max="8221" width="3.75" style="218" customWidth="1"/>
    <col min="8222" max="8222" width="4.875" style="218" customWidth="1"/>
    <col min="8223" max="8223" width="5.625" style="218" customWidth="1"/>
    <col min="8224" max="8226" width="6.625" style="218" customWidth="1"/>
    <col min="8227" max="8443" width="4.5" style="218"/>
    <col min="8444" max="8446" width="3.75" style="218" customWidth="1"/>
    <col min="8447" max="8447" width="6" style="218" customWidth="1"/>
    <col min="8448" max="8467" width="4.5" style="218" customWidth="1"/>
    <col min="8468" max="8477" width="3.75" style="218" customWidth="1"/>
    <col min="8478" max="8478" width="4.875" style="218" customWidth="1"/>
    <col min="8479" max="8479" width="5.625" style="218" customWidth="1"/>
    <col min="8480" max="8482" width="6.625" style="218" customWidth="1"/>
    <col min="8483" max="8699" width="4.5" style="218"/>
    <col min="8700" max="8702" width="3.75" style="218" customWidth="1"/>
    <col min="8703" max="8703" width="6" style="218" customWidth="1"/>
    <col min="8704" max="8723" width="4.5" style="218" customWidth="1"/>
    <col min="8724" max="8733" width="3.75" style="218" customWidth="1"/>
    <col min="8734" max="8734" width="4.875" style="218" customWidth="1"/>
    <col min="8735" max="8735" width="5.625" style="218" customWidth="1"/>
    <col min="8736" max="8738" width="6.625" style="218" customWidth="1"/>
    <col min="8739" max="8955" width="4.5" style="218"/>
    <col min="8956" max="8958" width="3.75" style="218" customWidth="1"/>
    <col min="8959" max="8959" width="6" style="218" customWidth="1"/>
    <col min="8960" max="8979" width="4.5" style="218" customWidth="1"/>
    <col min="8980" max="8989" width="3.75" style="218" customWidth="1"/>
    <col min="8990" max="8990" width="4.875" style="218" customWidth="1"/>
    <col min="8991" max="8991" width="5.625" style="218" customWidth="1"/>
    <col min="8992" max="8994" width="6.625" style="218" customWidth="1"/>
    <col min="8995" max="9211" width="4.5" style="218"/>
    <col min="9212" max="9214" width="3.75" style="218" customWidth="1"/>
    <col min="9215" max="9215" width="6" style="218" customWidth="1"/>
    <col min="9216" max="9235" width="4.5" style="218" customWidth="1"/>
    <col min="9236" max="9245" width="3.75" style="218" customWidth="1"/>
    <col min="9246" max="9246" width="4.875" style="218" customWidth="1"/>
    <col min="9247" max="9247" width="5.625" style="218" customWidth="1"/>
    <col min="9248" max="9250" width="6.625" style="218" customWidth="1"/>
    <col min="9251" max="9467" width="4.5" style="218"/>
    <col min="9468" max="9470" width="3.75" style="218" customWidth="1"/>
    <col min="9471" max="9471" width="6" style="218" customWidth="1"/>
    <col min="9472" max="9491" width="4.5" style="218" customWidth="1"/>
    <col min="9492" max="9501" width="3.75" style="218" customWidth="1"/>
    <col min="9502" max="9502" width="4.875" style="218" customWidth="1"/>
    <col min="9503" max="9503" width="5.625" style="218" customWidth="1"/>
    <col min="9504" max="9506" width="6.625" style="218" customWidth="1"/>
    <col min="9507" max="9723" width="4.5" style="218"/>
    <col min="9724" max="9726" width="3.75" style="218" customWidth="1"/>
    <col min="9727" max="9727" width="6" style="218" customWidth="1"/>
    <col min="9728" max="9747" width="4.5" style="218" customWidth="1"/>
    <col min="9748" max="9757" width="3.75" style="218" customWidth="1"/>
    <col min="9758" max="9758" width="4.875" style="218" customWidth="1"/>
    <col min="9759" max="9759" width="5.625" style="218" customWidth="1"/>
    <col min="9760" max="9762" width="6.625" style="218" customWidth="1"/>
    <col min="9763" max="9979" width="4.5" style="218"/>
    <col min="9980" max="9982" width="3.75" style="218" customWidth="1"/>
    <col min="9983" max="9983" width="6" style="218" customWidth="1"/>
    <col min="9984" max="10003" width="4.5" style="218" customWidth="1"/>
    <col min="10004" max="10013" width="3.75" style="218" customWidth="1"/>
    <col min="10014" max="10014" width="4.875" style="218" customWidth="1"/>
    <col min="10015" max="10015" width="5.625" style="218" customWidth="1"/>
    <col min="10016" max="10018" width="6.625" style="218" customWidth="1"/>
    <col min="10019" max="10235" width="4.5" style="218"/>
    <col min="10236" max="10238" width="3.75" style="218" customWidth="1"/>
    <col min="10239" max="10239" width="6" style="218" customWidth="1"/>
    <col min="10240" max="10259" width="4.5" style="218" customWidth="1"/>
    <col min="10260" max="10269" width="3.75" style="218" customWidth="1"/>
    <col min="10270" max="10270" width="4.875" style="218" customWidth="1"/>
    <col min="10271" max="10271" width="5.625" style="218" customWidth="1"/>
    <col min="10272" max="10274" width="6.625" style="218" customWidth="1"/>
    <col min="10275" max="10491" width="4.5" style="218"/>
    <col min="10492" max="10494" width="3.75" style="218" customWidth="1"/>
    <col min="10495" max="10495" width="6" style="218" customWidth="1"/>
    <col min="10496" max="10515" width="4.5" style="218" customWidth="1"/>
    <col min="10516" max="10525" width="3.75" style="218" customWidth="1"/>
    <col min="10526" max="10526" width="4.875" style="218" customWidth="1"/>
    <col min="10527" max="10527" width="5.625" style="218" customWidth="1"/>
    <col min="10528" max="10530" width="6.625" style="218" customWidth="1"/>
    <col min="10531" max="10747" width="4.5" style="218"/>
    <col min="10748" max="10750" width="3.75" style="218" customWidth="1"/>
    <col min="10751" max="10751" width="6" style="218" customWidth="1"/>
    <col min="10752" max="10771" width="4.5" style="218" customWidth="1"/>
    <col min="10772" max="10781" width="3.75" style="218" customWidth="1"/>
    <col min="10782" max="10782" width="4.875" style="218" customWidth="1"/>
    <col min="10783" max="10783" width="5.625" style="218" customWidth="1"/>
    <col min="10784" max="10786" width="6.625" style="218" customWidth="1"/>
    <col min="10787" max="11003" width="4.5" style="218"/>
    <col min="11004" max="11006" width="3.75" style="218" customWidth="1"/>
    <col min="11007" max="11007" width="6" style="218" customWidth="1"/>
    <col min="11008" max="11027" width="4.5" style="218" customWidth="1"/>
    <col min="11028" max="11037" width="3.75" style="218" customWidth="1"/>
    <col min="11038" max="11038" width="4.875" style="218" customWidth="1"/>
    <col min="11039" max="11039" width="5.625" style="218" customWidth="1"/>
    <col min="11040" max="11042" width="6.625" style="218" customWidth="1"/>
    <col min="11043" max="11259" width="4.5" style="218"/>
    <col min="11260" max="11262" width="3.75" style="218" customWidth="1"/>
    <col min="11263" max="11263" width="6" style="218" customWidth="1"/>
    <col min="11264" max="11283" width="4.5" style="218" customWidth="1"/>
    <col min="11284" max="11293" width="3.75" style="218" customWidth="1"/>
    <col min="11294" max="11294" width="4.875" style="218" customWidth="1"/>
    <col min="11295" max="11295" width="5.625" style="218" customWidth="1"/>
    <col min="11296" max="11298" width="6.625" style="218" customWidth="1"/>
    <col min="11299" max="11515" width="4.5" style="218"/>
    <col min="11516" max="11518" width="3.75" style="218" customWidth="1"/>
    <col min="11519" max="11519" width="6" style="218" customWidth="1"/>
    <col min="11520" max="11539" width="4.5" style="218" customWidth="1"/>
    <col min="11540" max="11549" width="3.75" style="218" customWidth="1"/>
    <col min="11550" max="11550" width="4.875" style="218" customWidth="1"/>
    <col min="11551" max="11551" width="5.625" style="218" customWidth="1"/>
    <col min="11552" max="11554" width="6.625" style="218" customWidth="1"/>
    <col min="11555" max="11771" width="4.5" style="218"/>
    <col min="11772" max="11774" width="3.75" style="218" customWidth="1"/>
    <col min="11775" max="11775" width="6" style="218" customWidth="1"/>
    <col min="11776" max="11795" width="4.5" style="218" customWidth="1"/>
    <col min="11796" max="11805" width="3.75" style="218" customWidth="1"/>
    <col min="11806" max="11806" width="4.875" style="218" customWidth="1"/>
    <col min="11807" max="11807" width="5.625" style="218" customWidth="1"/>
    <col min="11808" max="11810" width="6.625" style="218" customWidth="1"/>
    <col min="11811" max="12027" width="4.5" style="218"/>
    <col min="12028" max="12030" width="3.75" style="218" customWidth="1"/>
    <col min="12031" max="12031" width="6" style="218" customWidth="1"/>
    <col min="12032" max="12051" width="4.5" style="218" customWidth="1"/>
    <col min="12052" max="12061" width="3.75" style="218" customWidth="1"/>
    <col min="12062" max="12062" width="4.875" style="218" customWidth="1"/>
    <col min="12063" max="12063" width="5.625" style="218" customWidth="1"/>
    <col min="12064" max="12066" width="6.625" style="218" customWidth="1"/>
    <col min="12067" max="12283" width="4.5" style="218"/>
    <col min="12284" max="12286" width="3.75" style="218" customWidth="1"/>
    <col min="12287" max="12287" width="6" style="218" customWidth="1"/>
    <col min="12288" max="12307" width="4.5" style="218" customWidth="1"/>
    <col min="12308" max="12317" width="3.75" style="218" customWidth="1"/>
    <col min="12318" max="12318" width="4.875" style="218" customWidth="1"/>
    <col min="12319" max="12319" width="5.625" style="218" customWidth="1"/>
    <col min="12320" max="12322" width="6.625" style="218" customWidth="1"/>
    <col min="12323" max="12539" width="4.5" style="218"/>
    <col min="12540" max="12542" width="3.75" style="218" customWidth="1"/>
    <col min="12543" max="12543" width="6" style="218" customWidth="1"/>
    <col min="12544" max="12563" width="4.5" style="218" customWidth="1"/>
    <col min="12564" max="12573" width="3.75" style="218" customWidth="1"/>
    <col min="12574" max="12574" width="4.875" style="218" customWidth="1"/>
    <col min="12575" max="12575" width="5.625" style="218" customWidth="1"/>
    <col min="12576" max="12578" width="6.625" style="218" customWidth="1"/>
    <col min="12579" max="12795" width="4.5" style="218"/>
    <col min="12796" max="12798" width="3.75" style="218" customWidth="1"/>
    <col min="12799" max="12799" width="6" style="218" customWidth="1"/>
    <col min="12800" max="12819" width="4.5" style="218" customWidth="1"/>
    <col min="12820" max="12829" width="3.75" style="218" customWidth="1"/>
    <col min="12830" max="12830" width="4.875" style="218" customWidth="1"/>
    <col min="12831" max="12831" width="5.625" style="218" customWidth="1"/>
    <col min="12832" max="12834" width="6.625" style="218" customWidth="1"/>
    <col min="12835" max="13051" width="4.5" style="218"/>
    <col min="13052" max="13054" width="3.75" style="218" customWidth="1"/>
    <col min="13055" max="13055" width="6" style="218" customWidth="1"/>
    <col min="13056" max="13075" width="4.5" style="218" customWidth="1"/>
    <col min="13076" max="13085" width="3.75" style="218" customWidth="1"/>
    <col min="13086" max="13086" width="4.875" style="218" customWidth="1"/>
    <col min="13087" max="13087" width="5.625" style="218" customWidth="1"/>
    <col min="13088" max="13090" width="6.625" style="218" customWidth="1"/>
    <col min="13091" max="13307" width="4.5" style="218"/>
    <col min="13308" max="13310" width="3.75" style="218" customWidth="1"/>
    <col min="13311" max="13311" width="6" style="218" customWidth="1"/>
    <col min="13312" max="13331" width="4.5" style="218" customWidth="1"/>
    <col min="13332" max="13341" width="3.75" style="218" customWidth="1"/>
    <col min="13342" max="13342" width="4.875" style="218" customWidth="1"/>
    <col min="13343" max="13343" width="5.625" style="218" customWidth="1"/>
    <col min="13344" max="13346" width="6.625" style="218" customWidth="1"/>
    <col min="13347" max="13563" width="4.5" style="218"/>
    <col min="13564" max="13566" width="3.75" style="218" customWidth="1"/>
    <col min="13567" max="13567" width="6" style="218" customWidth="1"/>
    <col min="13568" max="13587" width="4.5" style="218" customWidth="1"/>
    <col min="13588" max="13597" width="3.75" style="218" customWidth="1"/>
    <col min="13598" max="13598" width="4.875" style="218" customWidth="1"/>
    <col min="13599" max="13599" width="5.625" style="218" customWidth="1"/>
    <col min="13600" max="13602" width="6.625" style="218" customWidth="1"/>
    <col min="13603" max="13819" width="4.5" style="218"/>
    <col min="13820" max="13822" width="3.75" style="218" customWidth="1"/>
    <col min="13823" max="13823" width="6" style="218" customWidth="1"/>
    <col min="13824" max="13843" width="4.5" style="218" customWidth="1"/>
    <col min="13844" max="13853" width="3.75" style="218" customWidth="1"/>
    <col min="13854" max="13854" width="4.875" style="218" customWidth="1"/>
    <col min="13855" max="13855" width="5.625" style="218" customWidth="1"/>
    <col min="13856" max="13858" width="6.625" style="218" customWidth="1"/>
    <col min="13859" max="14075" width="4.5" style="218"/>
    <col min="14076" max="14078" width="3.75" style="218" customWidth="1"/>
    <col min="14079" max="14079" width="6" style="218" customWidth="1"/>
    <col min="14080" max="14099" width="4.5" style="218" customWidth="1"/>
    <col min="14100" max="14109" width="3.75" style="218" customWidth="1"/>
    <col min="14110" max="14110" width="4.875" style="218" customWidth="1"/>
    <col min="14111" max="14111" width="5.625" style="218" customWidth="1"/>
    <col min="14112" max="14114" width="6.625" style="218" customWidth="1"/>
    <col min="14115" max="14331" width="4.5" style="218"/>
    <col min="14332" max="14334" width="3.75" style="218" customWidth="1"/>
    <col min="14335" max="14335" width="6" style="218" customWidth="1"/>
    <col min="14336" max="14355" width="4.5" style="218" customWidth="1"/>
    <col min="14356" max="14365" width="3.75" style="218" customWidth="1"/>
    <col min="14366" max="14366" width="4.875" style="218" customWidth="1"/>
    <col min="14367" max="14367" width="5.625" style="218" customWidth="1"/>
    <col min="14368" max="14370" width="6.625" style="218" customWidth="1"/>
    <col min="14371" max="14587" width="4.5" style="218"/>
    <col min="14588" max="14590" width="3.75" style="218" customWidth="1"/>
    <col min="14591" max="14591" width="6" style="218" customWidth="1"/>
    <col min="14592" max="14611" width="4.5" style="218" customWidth="1"/>
    <col min="14612" max="14621" width="3.75" style="218" customWidth="1"/>
    <col min="14622" max="14622" width="4.875" style="218" customWidth="1"/>
    <col min="14623" max="14623" width="5.625" style="218" customWidth="1"/>
    <col min="14624" max="14626" width="6.625" style="218" customWidth="1"/>
    <col min="14627" max="14843" width="4.5" style="218"/>
    <col min="14844" max="14846" width="3.75" style="218" customWidth="1"/>
    <col min="14847" max="14847" width="6" style="218" customWidth="1"/>
    <col min="14848" max="14867" width="4.5" style="218" customWidth="1"/>
    <col min="14868" max="14877" width="3.75" style="218" customWidth="1"/>
    <col min="14878" max="14878" width="4.875" style="218" customWidth="1"/>
    <col min="14879" max="14879" width="5.625" style="218" customWidth="1"/>
    <col min="14880" max="14882" width="6.625" style="218" customWidth="1"/>
    <col min="14883" max="15099" width="4.5" style="218"/>
    <col min="15100" max="15102" width="3.75" style="218" customWidth="1"/>
    <col min="15103" max="15103" width="6" style="218" customWidth="1"/>
    <col min="15104" max="15123" width="4.5" style="218" customWidth="1"/>
    <col min="15124" max="15133" width="3.75" style="218" customWidth="1"/>
    <col min="15134" max="15134" width="4.875" style="218" customWidth="1"/>
    <col min="15135" max="15135" width="5.625" style="218" customWidth="1"/>
    <col min="15136" max="15138" width="6.625" style="218" customWidth="1"/>
    <col min="15139" max="15355" width="4.5" style="218"/>
    <col min="15356" max="15358" width="3.75" style="218" customWidth="1"/>
    <col min="15359" max="15359" width="6" style="218" customWidth="1"/>
    <col min="15360" max="15379" width="4.5" style="218" customWidth="1"/>
    <col min="15380" max="15389" width="3.75" style="218" customWidth="1"/>
    <col min="15390" max="15390" width="4.875" style="218" customWidth="1"/>
    <col min="15391" max="15391" width="5.625" style="218" customWidth="1"/>
    <col min="15392" max="15394" width="6.625" style="218" customWidth="1"/>
    <col min="15395" max="15611" width="4.5" style="218"/>
    <col min="15612" max="15614" width="3.75" style="218" customWidth="1"/>
    <col min="15615" max="15615" width="6" style="218" customWidth="1"/>
    <col min="15616" max="15635" width="4.5" style="218" customWidth="1"/>
    <col min="15636" max="15645" width="3.75" style="218" customWidth="1"/>
    <col min="15646" max="15646" width="4.875" style="218" customWidth="1"/>
    <col min="15647" max="15647" width="5.625" style="218" customWidth="1"/>
    <col min="15648" max="15650" width="6.625" style="218" customWidth="1"/>
    <col min="15651" max="15867" width="4.5" style="218"/>
    <col min="15868" max="15870" width="3.75" style="218" customWidth="1"/>
    <col min="15871" max="15871" width="6" style="218" customWidth="1"/>
    <col min="15872" max="15891" width="4.5" style="218" customWidth="1"/>
    <col min="15892" max="15901" width="3.75" style="218" customWidth="1"/>
    <col min="15902" max="15902" width="4.875" style="218" customWidth="1"/>
    <col min="15903" max="15903" width="5.625" style="218" customWidth="1"/>
    <col min="15904" max="15906" width="6.625" style="218" customWidth="1"/>
    <col min="15907" max="16123" width="4.5" style="218"/>
    <col min="16124" max="16126" width="3.75" style="218" customWidth="1"/>
    <col min="16127" max="16127" width="6" style="218" customWidth="1"/>
    <col min="16128" max="16147" width="4.5" style="218" customWidth="1"/>
    <col min="16148" max="16157" width="3.75" style="218" customWidth="1"/>
    <col min="16158" max="16158" width="4.875" style="218" customWidth="1"/>
    <col min="16159" max="16159" width="5.625" style="218" customWidth="1"/>
    <col min="16160" max="16162" width="6.625" style="218" customWidth="1"/>
    <col min="16163" max="16384" width="4.5" style="218"/>
  </cols>
  <sheetData>
    <row r="1" spans="1:35">
      <c r="A1" s="218" t="s">
        <v>378</v>
      </c>
    </row>
    <row r="2" spans="1:35" ht="18" thickBot="1">
      <c r="A2" s="224" t="s">
        <v>499</v>
      </c>
      <c r="B2" s="224"/>
      <c r="C2" s="224"/>
      <c r="D2" s="224"/>
      <c r="E2" s="224"/>
      <c r="F2" s="224"/>
      <c r="G2" s="224"/>
      <c r="H2" s="224"/>
      <c r="I2" s="224"/>
      <c r="J2" s="224"/>
      <c r="K2" s="224"/>
      <c r="L2" s="224"/>
      <c r="M2" s="224"/>
      <c r="N2" s="224"/>
      <c r="O2" s="224"/>
      <c r="P2" s="224"/>
      <c r="Q2" s="224"/>
      <c r="R2" s="224"/>
      <c r="S2" s="224"/>
      <c r="T2" s="224"/>
      <c r="U2" s="224"/>
      <c r="V2" s="224"/>
      <c r="W2" s="224"/>
      <c r="X2" s="224"/>
      <c r="Y2" s="224"/>
      <c r="Z2" s="224"/>
      <c r="AA2" s="224"/>
      <c r="AB2" s="224"/>
      <c r="AC2" s="224"/>
      <c r="AD2" s="224"/>
      <c r="AE2" s="224"/>
      <c r="AF2" s="224"/>
      <c r="AG2" s="224"/>
      <c r="AH2" s="224"/>
      <c r="AI2" s="224"/>
    </row>
    <row r="3" spans="1:35">
      <c r="A3" s="787" t="s">
        <v>379</v>
      </c>
      <c r="B3" s="788"/>
      <c r="C3" s="788"/>
      <c r="D3" s="789"/>
      <c r="E3" s="296"/>
      <c r="F3" s="297">
        <v>0.25</v>
      </c>
      <c r="G3" s="297">
        <v>0.29166666666666669</v>
      </c>
      <c r="H3" s="297">
        <v>0.33333333333333298</v>
      </c>
      <c r="I3" s="297">
        <v>0.375</v>
      </c>
      <c r="J3" s="297">
        <v>0.41666666666666702</v>
      </c>
      <c r="K3" s="297">
        <v>0.45833333333333298</v>
      </c>
      <c r="L3" s="297">
        <v>0.5</v>
      </c>
      <c r="M3" s="297">
        <v>0.54166666666666696</v>
      </c>
      <c r="N3" s="297">
        <v>0.58333333333333304</v>
      </c>
      <c r="O3" s="297">
        <v>0.625</v>
      </c>
      <c r="P3" s="297">
        <v>0.66666666666666696</v>
      </c>
      <c r="Q3" s="297">
        <v>0.70833333333333404</v>
      </c>
      <c r="R3" s="297">
        <v>0.75</v>
      </c>
      <c r="S3" s="297">
        <v>0.79166666666666696</v>
      </c>
      <c r="T3" s="297">
        <v>0.83333333333333404</v>
      </c>
      <c r="U3" s="297">
        <v>0.875</v>
      </c>
      <c r="V3" s="297">
        <v>0.91666666666666696</v>
      </c>
      <c r="W3" s="297">
        <v>0.95833333333333404</v>
      </c>
      <c r="X3" s="297">
        <v>1</v>
      </c>
      <c r="Y3" s="297">
        <v>4.1666666666666664E-2</v>
      </c>
      <c r="Z3" s="297">
        <v>8.3333333333333301E-2</v>
      </c>
      <c r="AA3" s="297">
        <v>0.125</v>
      </c>
      <c r="AB3" s="297">
        <v>0.16666666666666699</v>
      </c>
      <c r="AC3" s="297">
        <v>0.20833333333333301</v>
      </c>
      <c r="AD3" s="298"/>
      <c r="AE3" s="298"/>
      <c r="AF3" s="299"/>
      <c r="AG3" s="299"/>
      <c r="AH3" s="300"/>
      <c r="AI3" s="224"/>
    </row>
    <row r="4" spans="1:35" ht="14.25" customHeight="1">
      <c r="A4" s="229"/>
      <c r="B4" s="224"/>
      <c r="C4" s="224"/>
      <c r="D4" s="301"/>
      <c r="E4" s="220"/>
      <c r="F4" s="221"/>
      <c r="G4" s="221"/>
      <c r="H4" s="221"/>
      <c r="I4" s="302"/>
      <c r="J4" s="221"/>
      <c r="K4" s="221"/>
      <c r="L4" s="303"/>
      <c r="M4" s="221"/>
      <c r="N4" s="221"/>
      <c r="O4" s="221"/>
      <c r="P4" s="221"/>
      <c r="Q4" s="221"/>
      <c r="R4" s="304"/>
      <c r="S4" s="305"/>
      <c r="T4" s="221"/>
      <c r="U4" s="221"/>
      <c r="V4" s="221"/>
      <c r="W4" s="221"/>
      <c r="X4" s="221"/>
      <c r="Y4" s="302"/>
      <c r="Z4" s="221"/>
      <c r="AA4" s="221"/>
      <c r="AB4" s="221"/>
      <c r="AC4" s="221"/>
      <c r="AD4" s="221"/>
      <c r="AE4" s="221" t="s">
        <v>380</v>
      </c>
      <c r="AF4" s="221" t="s">
        <v>381</v>
      </c>
      <c r="AG4" s="221"/>
      <c r="AH4" s="306"/>
      <c r="AI4" s="224"/>
    </row>
    <row r="5" spans="1:35">
      <c r="A5" s="779" t="s">
        <v>382</v>
      </c>
      <c r="B5" s="790"/>
      <c r="C5" s="790"/>
      <c r="D5" s="780"/>
      <c r="E5" s="223"/>
      <c r="F5" s="224"/>
      <c r="G5" s="224"/>
      <c r="H5" s="224"/>
      <c r="I5" s="283"/>
      <c r="J5" s="224"/>
      <c r="K5" s="224"/>
      <c r="L5" s="307"/>
      <c r="M5" s="224"/>
      <c r="N5" s="224"/>
      <c r="O5" s="224"/>
      <c r="P5" s="224"/>
      <c r="Q5" s="224"/>
      <c r="R5" s="283"/>
      <c r="S5" s="224"/>
      <c r="T5" s="224"/>
      <c r="U5" s="224"/>
      <c r="V5" s="224"/>
      <c r="W5" s="224"/>
      <c r="X5" s="224"/>
      <c r="Y5" s="283"/>
      <c r="Z5" s="224"/>
      <c r="AA5" s="224"/>
      <c r="AB5" s="224"/>
      <c r="AC5" s="224"/>
      <c r="AD5" s="224"/>
      <c r="AE5" s="224"/>
      <c r="AF5" s="224" t="s">
        <v>383</v>
      </c>
      <c r="AG5" s="224"/>
      <c r="AH5" s="308"/>
      <c r="AI5" s="224"/>
    </row>
    <row r="6" spans="1:35">
      <c r="A6" s="309"/>
      <c r="B6" s="228"/>
      <c r="C6" s="228"/>
      <c r="D6" s="310"/>
      <c r="E6" s="227"/>
      <c r="F6" s="228"/>
      <c r="G6" s="228"/>
      <c r="H6" s="228"/>
      <c r="I6" s="281"/>
      <c r="J6" s="228"/>
      <c r="K6" s="228"/>
      <c r="L6" s="311"/>
      <c r="M6" s="228"/>
      <c r="N6" s="228"/>
      <c r="O6" s="228"/>
      <c r="P6" s="228"/>
      <c r="Q6" s="228"/>
      <c r="R6" s="281"/>
      <c r="S6" s="228"/>
      <c r="T6" s="228"/>
      <c r="U6" s="228"/>
      <c r="V6" s="228"/>
      <c r="W6" s="228"/>
      <c r="X6" s="228"/>
      <c r="Y6" s="281"/>
      <c r="Z6" s="228"/>
      <c r="AA6" s="228"/>
      <c r="AB6" s="228"/>
      <c r="AC6" s="228"/>
      <c r="AD6" s="228"/>
      <c r="AE6" s="228"/>
      <c r="AF6" s="224" t="s">
        <v>384</v>
      </c>
      <c r="AG6" s="228"/>
      <c r="AH6" s="312"/>
      <c r="AI6" s="224"/>
    </row>
    <row r="7" spans="1:35">
      <c r="A7" s="791" t="s">
        <v>385</v>
      </c>
      <c r="B7" s="792"/>
      <c r="C7" s="792"/>
      <c r="D7" s="793"/>
      <c r="E7" s="220" t="s">
        <v>386</v>
      </c>
      <c r="F7" s="221"/>
      <c r="G7" s="313"/>
      <c r="H7" s="313"/>
      <c r="I7" s="314"/>
      <c r="J7" s="313"/>
      <c r="K7" s="221"/>
      <c r="L7" s="303"/>
      <c r="M7" s="221"/>
      <c r="N7" s="221"/>
      <c r="O7" s="221"/>
      <c r="P7" s="221"/>
      <c r="Q7" s="221"/>
      <c r="R7" s="302"/>
      <c r="S7" s="221"/>
      <c r="T7" s="221"/>
      <c r="U7" s="221"/>
      <c r="V7" s="221"/>
      <c r="W7" s="221"/>
      <c r="X7" s="221"/>
      <c r="Y7" s="302"/>
      <c r="Z7" s="221"/>
      <c r="AA7" s="221"/>
      <c r="AB7" s="221"/>
      <c r="AC7" s="221"/>
      <c r="AD7" s="221"/>
      <c r="AE7" s="221"/>
      <c r="AF7" s="315" t="s">
        <v>387</v>
      </c>
      <c r="AG7" s="221" t="s">
        <v>388</v>
      </c>
      <c r="AH7" s="316" t="s">
        <v>389</v>
      </c>
      <c r="AI7" s="224"/>
    </row>
    <row r="8" spans="1:35">
      <c r="A8" s="777" t="s">
        <v>498</v>
      </c>
      <c r="B8" s="794"/>
      <c r="C8" s="794"/>
      <c r="D8" s="778"/>
      <c r="E8" s="227"/>
      <c r="F8" s="228"/>
      <c r="G8" s="228"/>
      <c r="H8" s="228"/>
      <c r="I8" s="281"/>
      <c r="J8" s="228"/>
      <c r="K8" s="228"/>
      <c r="L8" s="311"/>
      <c r="M8" s="228"/>
      <c r="N8" s="228"/>
      <c r="O8" s="228"/>
      <c r="P8" s="228"/>
      <c r="Q8" s="228"/>
      <c r="R8" s="281"/>
      <c r="S8" s="228"/>
      <c r="T8" s="228"/>
      <c r="U8" s="228"/>
      <c r="V8" s="228"/>
      <c r="W8" s="228"/>
      <c r="X8" s="228"/>
      <c r="Y8" s="281"/>
      <c r="Z8" s="228"/>
      <c r="AA8" s="228"/>
      <c r="AB8" s="228"/>
      <c r="AC8" s="228"/>
      <c r="AD8" s="228"/>
      <c r="AE8" s="228"/>
      <c r="AF8" s="317" t="s">
        <v>390</v>
      </c>
      <c r="AG8" s="228" t="s">
        <v>390</v>
      </c>
      <c r="AH8" s="318" t="s">
        <v>390</v>
      </c>
      <c r="AI8" s="224"/>
    </row>
    <row r="9" spans="1:35">
      <c r="A9" s="245"/>
      <c r="B9" s="282"/>
      <c r="C9" s="282"/>
      <c r="D9" s="246"/>
      <c r="E9" s="223"/>
      <c r="F9" s="224"/>
      <c r="G9" s="224"/>
      <c r="H9" s="224"/>
      <c r="I9" s="283"/>
      <c r="J9" s="224"/>
      <c r="K9" s="224"/>
      <c r="L9" s="307"/>
      <c r="M9" s="224"/>
      <c r="N9" s="224"/>
      <c r="O9" s="224"/>
      <c r="P9" s="224"/>
      <c r="Q9" s="224"/>
      <c r="R9" s="283"/>
      <c r="S9" s="224"/>
      <c r="T9" s="224"/>
      <c r="U9" s="224"/>
      <c r="V9" s="224"/>
      <c r="W9" s="224"/>
      <c r="X9" s="224"/>
      <c r="Y9" s="283"/>
      <c r="Z9" s="224"/>
      <c r="AA9" s="224"/>
      <c r="AB9" s="224"/>
      <c r="AC9" s="224"/>
      <c r="AD9" s="224"/>
      <c r="AE9" s="224"/>
      <c r="AF9" s="319"/>
      <c r="AG9" s="224"/>
      <c r="AH9" s="320"/>
      <c r="AI9" s="224"/>
    </row>
    <row r="10" spans="1:35">
      <c r="A10" s="229" t="s">
        <v>418</v>
      </c>
      <c r="B10" s="226"/>
      <c r="C10" s="226"/>
      <c r="D10" s="326"/>
      <c r="E10" s="223"/>
      <c r="F10" s="224"/>
      <c r="G10" s="224"/>
      <c r="H10" s="224"/>
      <c r="I10" s="283"/>
      <c r="J10" s="224"/>
      <c r="K10" s="224"/>
      <c r="L10" s="307"/>
      <c r="M10" s="224"/>
      <c r="N10" s="224"/>
      <c r="O10" s="224"/>
      <c r="P10" s="224"/>
      <c r="Q10" s="224"/>
      <c r="R10" s="283"/>
      <c r="S10" s="224"/>
      <c r="T10" s="224"/>
      <c r="U10" s="224"/>
      <c r="V10" s="224"/>
      <c r="W10" s="224"/>
      <c r="X10" s="224"/>
      <c r="Y10" s="283"/>
      <c r="Z10" s="224"/>
      <c r="AA10" s="224"/>
      <c r="AB10" s="224"/>
      <c r="AC10" s="224"/>
      <c r="AD10" s="224"/>
      <c r="AE10" s="224"/>
      <c r="AF10" s="319"/>
      <c r="AG10" s="224"/>
      <c r="AH10" s="320"/>
      <c r="AI10" s="224"/>
    </row>
    <row r="11" spans="1:35">
      <c r="A11" s="222"/>
      <c r="B11" s="221"/>
      <c r="C11" s="221"/>
      <c r="D11" s="221"/>
      <c r="E11" s="220"/>
      <c r="F11" s="221"/>
      <c r="G11" s="221"/>
      <c r="H11" s="221"/>
      <c r="I11" s="302"/>
      <c r="J11" s="221"/>
      <c r="K11" s="221"/>
      <c r="L11" s="303"/>
      <c r="M11" s="221"/>
      <c r="N11" s="221"/>
      <c r="O11" s="221"/>
      <c r="P11" s="221"/>
      <c r="Q11" s="221"/>
      <c r="R11" s="302"/>
      <c r="S11" s="221"/>
      <c r="T11" s="221"/>
      <c r="U11" s="221"/>
      <c r="V11" s="221"/>
      <c r="W11" s="221"/>
      <c r="X11" s="221"/>
      <c r="Y11" s="302"/>
      <c r="Z11" s="221"/>
      <c r="AA11" s="221"/>
      <c r="AB11" s="221"/>
      <c r="AC11" s="221"/>
      <c r="AD11" s="221"/>
      <c r="AE11" s="221"/>
      <c r="AF11" s="315"/>
      <c r="AG11" s="221"/>
      <c r="AH11" s="316"/>
      <c r="AI11" s="224"/>
    </row>
    <row r="12" spans="1:35">
      <c r="A12" s="229"/>
      <c r="B12" s="224" t="s">
        <v>419</v>
      </c>
      <c r="C12" s="224"/>
      <c r="D12" s="224"/>
      <c r="E12" s="223"/>
      <c r="F12" s="224"/>
      <c r="G12" s="224"/>
      <c r="H12" s="224"/>
      <c r="I12" s="283"/>
      <c r="J12" s="224"/>
      <c r="K12" s="224"/>
      <c r="L12" s="307"/>
      <c r="M12" s="224"/>
      <c r="N12" s="224"/>
      <c r="O12" s="224"/>
      <c r="P12" s="224"/>
      <c r="Q12" s="224"/>
      <c r="R12" s="283"/>
      <c r="S12" s="224"/>
      <c r="T12" s="224"/>
      <c r="U12" s="224"/>
      <c r="V12" s="224"/>
      <c r="W12" s="224"/>
      <c r="X12" s="224"/>
      <c r="Y12" s="283"/>
      <c r="Z12" s="224"/>
      <c r="AA12" s="224"/>
      <c r="AB12" s="224"/>
      <c r="AC12" s="224"/>
      <c r="AD12" s="224"/>
      <c r="AE12" s="224"/>
      <c r="AF12" s="319"/>
      <c r="AG12" s="224"/>
      <c r="AH12" s="320"/>
      <c r="AI12" s="224"/>
    </row>
    <row r="13" spans="1:35">
      <c r="A13" s="309"/>
      <c r="B13" s="228"/>
      <c r="C13" s="228"/>
      <c r="D13" s="228"/>
      <c r="E13" s="227"/>
      <c r="F13" s="228"/>
      <c r="G13" s="228"/>
      <c r="H13" s="228"/>
      <c r="I13" s="281"/>
      <c r="J13" s="228"/>
      <c r="K13" s="228"/>
      <c r="L13" s="311"/>
      <c r="M13" s="228"/>
      <c r="N13" s="228"/>
      <c r="O13" s="228"/>
      <c r="P13" s="228"/>
      <c r="Q13" s="228"/>
      <c r="R13" s="281"/>
      <c r="S13" s="228"/>
      <c r="T13" s="228"/>
      <c r="U13" s="228"/>
      <c r="V13" s="228"/>
      <c r="W13" s="228"/>
      <c r="X13" s="228"/>
      <c r="Y13" s="281"/>
      <c r="Z13" s="228"/>
      <c r="AA13" s="228"/>
      <c r="AB13" s="228"/>
      <c r="AC13" s="228"/>
      <c r="AD13" s="228"/>
      <c r="AE13" s="228"/>
      <c r="AF13" s="317"/>
      <c r="AG13" s="228"/>
      <c r="AH13" s="318"/>
      <c r="AI13" s="224"/>
    </row>
    <row r="14" spans="1:35" ht="14.1" customHeight="1">
      <c r="A14" s="795" t="s">
        <v>480</v>
      </c>
      <c r="B14" s="796"/>
      <c r="C14" s="223" t="s">
        <v>427</v>
      </c>
      <c r="D14" s="224"/>
      <c r="E14" s="223"/>
      <c r="F14" s="224"/>
      <c r="G14" s="224"/>
      <c r="H14" s="224"/>
      <c r="I14" s="283"/>
      <c r="J14" s="224"/>
      <c r="K14" s="224"/>
      <c r="L14" s="307"/>
      <c r="M14" s="224"/>
      <c r="N14" s="224"/>
      <c r="O14" s="224"/>
      <c r="P14" s="224"/>
      <c r="Q14" s="224"/>
      <c r="R14" s="283"/>
      <c r="S14" s="224"/>
      <c r="T14" s="224"/>
      <c r="U14" s="224"/>
      <c r="V14" s="224"/>
      <c r="W14" s="224"/>
      <c r="X14" s="224"/>
      <c r="Y14" s="283"/>
      <c r="Z14" s="224"/>
      <c r="AA14" s="224"/>
      <c r="AB14" s="224"/>
      <c r="AC14" s="224"/>
      <c r="AD14" s="224"/>
      <c r="AE14" s="224"/>
      <c r="AF14" s="319"/>
      <c r="AG14" s="224"/>
      <c r="AH14" s="320"/>
      <c r="AI14" s="224"/>
    </row>
    <row r="15" spans="1:35" ht="14.1" customHeight="1">
      <c r="A15" s="797"/>
      <c r="B15" s="798"/>
      <c r="C15" s="223"/>
      <c r="D15" s="224"/>
      <c r="E15" s="223" t="s">
        <v>386</v>
      </c>
      <c r="F15" s="224"/>
      <c r="G15" s="224"/>
      <c r="H15" s="224"/>
      <c r="I15" s="283"/>
      <c r="J15" s="224"/>
      <c r="K15" s="224"/>
      <c r="L15" s="307"/>
      <c r="M15" s="224"/>
      <c r="N15" s="224"/>
      <c r="O15" s="224"/>
      <c r="P15" s="224"/>
      <c r="Q15" s="224"/>
      <c r="R15" s="283"/>
      <c r="S15" s="224"/>
      <c r="T15" s="224"/>
      <c r="U15" s="224"/>
      <c r="V15" s="224"/>
      <c r="W15" s="224"/>
      <c r="X15" s="224"/>
      <c r="Y15" s="283"/>
      <c r="Z15" s="224"/>
      <c r="AA15" s="224"/>
      <c r="AB15" s="224"/>
      <c r="AC15" s="224"/>
      <c r="AD15" s="224"/>
      <c r="AE15" s="224"/>
      <c r="AF15" s="319"/>
      <c r="AG15" s="224"/>
      <c r="AH15" s="320"/>
      <c r="AI15" s="224"/>
    </row>
    <row r="16" spans="1:35" ht="14.1" customHeight="1">
      <c r="A16" s="797"/>
      <c r="B16" s="798"/>
      <c r="C16" s="227"/>
      <c r="D16" s="228"/>
      <c r="E16" s="227"/>
      <c r="F16" s="228"/>
      <c r="G16" s="228"/>
      <c r="H16" s="228"/>
      <c r="I16" s="281"/>
      <c r="J16" s="228"/>
      <c r="K16" s="228"/>
      <c r="L16" s="311"/>
      <c r="M16" s="228"/>
      <c r="N16" s="228"/>
      <c r="O16" s="228"/>
      <c r="P16" s="228"/>
      <c r="Q16" s="228"/>
      <c r="R16" s="281"/>
      <c r="S16" s="228"/>
      <c r="T16" s="228"/>
      <c r="U16" s="228"/>
      <c r="V16" s="228"/>
      <c r="W16" s="228"/>
      <c r="X16" s="228"/>
      <c r="Y16" s="281"/>
      <c r="Z16" s="228"/>
      <c r="AA16" s="228"/>
      <c r="AB16" s="228"/>
      <c r="AC16" s="228"/>
      <c r="AD16" s="228"/>
      <c r="AE16" s="228"/>
      <c r="AF16" s="317"/>
      <c r="AG16" s="228"/>
      <c r="AH16" s="318"/>
      <c r="AI16" s="224"/>
    </row>
    <row r="17" spans="1:35" ht="14.1" customHeight="1">
      <c r="A17" s="797"/>
      <c r="B17" s="798"/>
      <c r="C17" s="223" t="s">
        <v>408</v>
      </c>
      <c r="D17" s="224"/>
      <c r="E17" s="220"/>
      <c r="F17" s="221"/>
      <c r="G17" s="221"/>
      <c r="H17" s="221"/>
      <c r="I17" s="302"/>
      <c r="J17" s="221"/>
      <c r="K17" s="221"/>
      <c r="L17" s="303"/>
      <c r="M17" s="221"/>
      <c r="N17" s="221"/>
      <c r="O17" s="221"/>
      <c r="P17" s="221"/>
      <c r="Q17" s="221"/>
      <c r="R17" s="302"/>
      <c r="S17" s="221"/>
      <c r="T17" s="221"/>
      <c r="U17" s="221"/>
      <c r="V17" s="221"/>
      <c r="W17" s="221"/>
      <c r="X17" s="221"/>
      <c r="Y17" s="302"/>
      <c r="Z17" s="221"/>
      <c r="AA17" s="221"/>
      <c r="AB17" s="221"/>
      <c r="AC17" s="221"/>
      <c r="AD17" s="221"/>
      <c r="AE17" s="221"/>
      <c r="AF17" s="315"/>
      <c r="AG17" s="221"/>
      <c r="AH17" s="316"/>
      <c r="AI17" s="224"/>
    </row>
    <row r="18" spans="1:35" ht="14.1" customHeight="1">
      <c r="A18" s="797"/>
      <c r="B18" s="798"/>
      <c r="C18" s="223"/>
      <c r="D18" s="301"/>
      <c r="E18" s="224"/>
      <c r="F18" s="224"/>
      <c r="G18" s="224"/>
      <c r="H18" s="321"/>
      <c r="I18" s="322"/>
      <c r="J18" s="323"/>
      <c r="K18" s="321"/>
      <c r="L18" s="307"/>
      <c r="M18" s="322"/>
      <c r="N18" s="323"/>
      <c r="O18" s="323"/>
      <c r="P18" s="323"/>
      <c r="Q18" s="321"/>
      <c r="R18" s="283"/>
      <c r="S18" s="224"/>
      <c r="T18" s="224"/>
      <c r="U18" s="224"/>
      <c r="V18" s="224"/>
      <c r="W18" s="224"/>
      <c r="X18" s="224"/>
      <c r="Y18" s="283"/>
      <c r="Z18" s="224"/>
      <c r="AA18" s="224"/>
      <c r="AB18" s="224"/>
      <c r="AC18" s="224"/>
      <c r="AD18" s="224"/>
      <c r="AE18" s="224"/>
      <c r="AF18" s="319"/>
      <c r="AG18" s="224"/>
      <c r="AH18" s="320"/>
      <c r="AI18" s="224"/>
    </row>
    <row r="19" spans="1:35" ht="14.1" customHeight="1">
      <c r="A19" s="797"/>
      <c r="B19" s="798"/>
      <c r="C19" s="227" t="s">
        <v>392</v>
      </c>
      <c r="D19" s="228"/>
      <c r="E19" s="227"/>
      <c r="F19" s="228"/>
      <c r="G19" s="228"/>
      <c r="H19" s="228"/>
      <c r="I19" s="281"/>
      <c r="J19" s="228"/>
      <c r="K19" s="228"/>
      <c r="L19" s="311"/>
      <c r="M19" s="228"/>
      <c r="N19" s="228"/>
      <c r="O19" s="228"/>
      <c r="P19" s="228"/>
      <c r="Q19" s="228"/>
      <c r="R19" s="281"/>
      <c r="S19" s="228"/>
      <c r="T19" s="228"/>
      <c r="U19" s="228"/>
      <c r="V19" s="228"/>
      <c r="W19" s="228"/>
      <c r="X19" s="228"/>
      <c r="Y19" s="281"/>
      <c r="Z19" s="228"/>
      <c r="AA19" s="228"/>
      <c r="AB19" s="228"/>
      <c r="AC19" s="228"/>
      <c r="AD19" s="228"/>
      <c r="AE19" s="228"/>
      <c r="AF19" s="317"/>
      <c r="AG19" s="228"/>
      <c r="AH19" s="318"/>
      <c r="AI19" s="224"/>
    </row>
    <row r="20" spans="1:35" ht="14.1" customHeight="1">
      <c r="A20" s="797"/>
      <c r="B20" s="798"/>
      <c r="C20" s="223" t="s">
        <v>408</v>
      </c>
      <c r="D20" s="224"/>
      <c r="E20" s="220"/>
      <c r="F20" s="221"/>
      <c r="G20" s="221"/>
      <c r="H20" s="221"/>
      <c r="I20" s="302"/>
      <c r="J20" s="221"/>
      <c r="K20" s="221"/>
      <c r="L20" s="303"/>
      <c r="M20" s="221"/>
      <c r="N20" s="221"/>
      <c r="O20" s="221"/>
      <c r="P20" s="221"/>
      <c r="Q20" s="221"/>
      <c r="R20" s="302"/>
      <c r="S20" s="221"/>
      <c r="T20" s="221"/>
      <c r="U20" s="221"/>
      <c r="V20" s="221"/>
      <c r="W20" s="221"/>
      <c r="X20" s="221"/>
      <c r="Y20" s="302"/>
      <c r="Z20" s="221"/>
      <c r="AA20" s="221"/>
      <c r="AB20" s="221"/>
      <c r="AC20" s="221"/>
      <c r="AD20" s="221"/>
      <c r="AE20" s="221"/>
      <c r="AF20" s="315"/>
      <c r="AG20" s="221"/>
      <c r="AH20" s="316"/>
      <c r="AI20" s="224"/>
    </row>
    <row r="21" spans="1:35" ht="14.1" customHeight="1">
      <c r="A21" s="797"/>
      <c r="B21" s="798"/>
      <c r="C21" s="223"/>
      <c r="D21" s="224"/>
      <c r="E21" s="223" t="s">
        <v>386</v>
      </c>
      <c r="F21" s="224"/>
      <c r="G21" s="224"/>
      <c r="H21" s="224"/>
      <c r="I21" s="283"/>
      <c r="J21" s="224"/>
      <c r="K21" s="224"/>
      <c r="L21" s="307"/>
      <c r="M21" s="224"/>
      <c r="N21" s="224"/>
      <c r="O21" s="224"/>
      <c r="P21" s="224"/>
      <c r="Q21" s="224"/>
      <c r="R21" s="283"/>
      <c r="S21" s="224"/>
      <c r="T21" s="224"/>
      <c r="U21" s="224"/>
      <c r="V21" s="224"/>
      <c r="W21" s="224"/>
      <c r="X21" s="224"/>
      <c r="Y21" s="283"/>
      <c r="Z21" s="224"/>
      <c r="AA21" s="224"/>
      <c r="AB21" s="224"/>
      <c r="AC21" s="224"/>
      <c r="AD21" s="224"/>
      <c r="AE21" s="224"/>
      <c r="AF21" s="319"/>
      <c r="AG21" s="224"/>
      <c r="AH21" s="320"/>
      <c r="AI21" s="224"/>
    </row>
    <row r="22" spans="1:35" ht="14.1" customHeight="1">
      <c r="A22" s="797"/>
      <c r="B22" s="798"/>
      <c r="C22" s="227" t="s">
        <v>392</v>
      </c>
      <c r="D22" s="228"/>
      <c r="E22" s="227"/>
      <c r="F22" s="228"/>
      <c r="G22" s="228"/>
      <c r="H22" s="228"/>
      <c r="I22" s="281"/>
      <c r="J22" s="228"/>
      <c r="K22" s="228"/>
      <c r="L22" s="311"/>
      <c r="M22" s="228"/>
      <c r="N22" s="228"/>
      <c r="O22" s="228"/>
      <c r="P22" s="228"/>
      <c r="Q22" s="228"/>
      <c r="R22" s="281"/>
      <c r="S22" s="228"/>
      <c r="T22" s="228"/>
      <c r="U22" s="228"/>
      <c r="V22" s="228"/>
      <c r="W22" s="228"/>
      <c r="X22" s="228"/>
      <c r="Y22" s="281"/>
      <c r="Z22" s="228"/>
      <c r="AA22" s="228"/>
      <c r="AB22" s="228"/>
      <c r="AC22" s="228"/>
      <c r="AD22" s="228"/>
      <c r="AE22" s="228"/>
      <c r="AF22" s="317"/>
      <c r="AG22" s="228"/>
      <c r="AH22" s="318"/>
      <c r="AI22" s="224"/>
    </row>
    <row r="23" spans="1:35" ht="14.1" customHeight="1">
      <c r="A23" s="797"/>
      <c r="B23" s="798"/>
      <c r="C23" s="223" t="s">
        <v>408</v>
      </c>
      <c r="D23" s="224"/>
      <c r="E23" s="220"/>
      <c r="F23" s="221"/>
      <c r="G23" s="221"/>
      <c r="H23" s="221"/>
      <c r="I23" s="302"/>
      <c r="J23" s="221"/>
      <c r="K23" s="221"/>
      <c r="L23" s="303"/>
      <c r="M23" s="221"/>
      <c r="N23" s="221"/>
      <c r="O23" s="221"/>
      <c r="P23" s="221"/>
      <c r="Q23" s="221"/>
      <c r="R23" s="302"/>
      <c r="S23" s="221"/>
      <c r="T23" s="221"/>
      <c r="U23" s="221"/>
      <c r="V23" s="221"/>
      <c r="W23" s="221"/>
      <c r="X23" s="221"/>
      <c r="Y23" s="302"/>
      <c r="Z23" s="221"/>
      <c r="AA23" s="221"/>
      <c r="AB23" s="221"/>
      <c r="AC23" s="221"/>
      <c r="AD23" s="221"/>
      <c r="AE23" s="221"/>
      <c r="AF23" s="315"/>
      <c r="AG23" s="221"/>
      <c r="AH23" s="316"/>
      <c r="AI23" s="224"/>
    </row>
    <row r="24" spans="1:35" ht="14.1" customHeight="1">
      <c r="A24" s="797"/>
      <c r="B24" s="798"/>
      <c r="C24" s="223"/>
      <c r="D24" s="224"/>
      <c r="E24" s="223" t="s">
        <v>386</v>
      </c>
      <c r="F24" s="224"/>
      <c r="G24" s="224"/>
      <c r="H24" s="224"/>
      <c r="I24" s="283"/>
      <c r="J24" s="224"/>
      <c r="K24" s="224"/>
      <c r="L24" s="307"/>
      <c r="M24" s="224"/>
      <c r="N24" s="224"/>
      <c r="O24" s="224"/>
      <c r="P24" s="224"/>
      <c r="Q24" s="224"/>
      <c r="R24" s="283"/>
      <c r="S24" s="224"/>
      <c r="T24" s="224"/>
      <c r="U24" s="224"/>
      <c r="V24" s="224"/>
      <c r="W24" s="224"/>
      <c r="X24" s="224"/>
      <c r="Y24" s="283"/>
      <c r="Z24" s="224"/>
      <c r="AA24" s="224"/>
      <c r="AB24" s="224"/>
      <c r="AC24" s="224"/>
      <c r="AD24" s="224"/>
      <c r="AE24" s="224"/>
      <c r="AF24" s="319"/>
      <c r="AG24" s="224"/>
      <c r="AH24" s="320"/>
      <c r="AI24" s="224"/>
    </row>
    <row r="25" spans="1:35" ht="14.1" customHeight="1">
      <c r="A25" s="797"/>
      <c r="B25" s="798"/>
      <c r="C25" s="227" t="s">
        <v>392</v>
      </c>
      <c r="D25" s="228"/>
      <c r="E25" s="227"/>
      <c r="F25" s="228"/>
      <c r="G25" s="228"/>
      <c r="H25" s="228"/>
      <c r="I25" s="281"/>
      <c r="J25" s="228"/>
      <c r="K25" s="228"/>
      <c r="L25" s="311"/>
      <c r="M25" s="228"/>
      <c r="N25" s="228"/>
      <c r="O25" s="228"/>
      <c r="P25" s="228"/>
      <c r="Q25" s="228"/>
      <c r="R25" s="281"/>
      <c r="S25" s="228"/>
      <c r="T25" s="228"/>
      <c r="U25" s="228"/>
      <c r="V25" s="228"/>
      <c r="W25" s="228"/>
      <c r="X25" s="228"/>
      <c r="Y25" s="281"/>
      <c r="Z25" s="228"/>
      <c r="AA25" s="228"/>
      <c r="AB25" s="228"/>
      <c r="AC25" s="228"/>
      <c r="AD25" s="228"/>
      <c r="AE25" s="228"/>
      <c r="AF25" s="317"/>
      <c r="AG25" s="228"/>
      <c r="AH25" s="318"/>
      <c r="AI25" s="224"/>
    </row>
    <row r="26" spans="1:35" ht="14.1" customHeight="1">
      <c r="A26" s="797"/>
      <c r="B26" s="798"/>
      <c r="C26" s="223" t="s">
        <v>408</v>
      </c>
      <c r="D26" s="224"/>
      <c r="E26" s="220"/>
      <c r="F26" s="221"/>
      <c r="G26" s="221"/>
      <c r="H26" s="221"/>
      <c r="I26" s="302"/>
      <c r="J26" s="221"/>
      <c r="K26" s="221"/>
      <c r="L26" s="303"/>
      <c r="M26" s="221"/>
      <c r="N26" s="221"/>
      <c r="O26" s="221"/>
      <c r="P26" s="221"/>
      <c r="Q26" s="221"/>
      <c r="R26" s="302"/>
      <c r="S26" s="221"/>
      <c r="T26" s="221"/>
      <c r="U26" s="221"/>
      <c r="V26" s="221"/>
      <c r="W26" s="221"/>
      <c r="X26" s="221"/>
      <c r="Y26" s="302"/>
      <c r="Z26" s="221"/>
      <c r="AA26" s="221"/>
      <c r="AB26" s="221"/>
      <c r="AC26" s="221"/>
      <c r="AD26" s="221"/>
      <c r="AE26" s="221"/>
      <c r="AF26" s="315"/>
      <c r="AG26" s="221"/>
      <c r="AH26" s="316"/>
      <c r="AI26" s="224"/>
    </row>
    <row r="27" spans="1:35" ht="14.1" customHeight="1">
      <c r="A27" s="797"/>
      <c r="B27" s="798"/>
      <c r="C27" s="223"/>
      <c r="D27" s="224"/>
      <c r="E27" s="223" t="s">
        <v>386</v>
      </c>
      <c r="F27" s="224"/>
      <c r="G27" s="224"/>
      <c r="H27" s="224"/>
      <c r="I27" s="283"/>
      <c r="J27" s="224"/>
      <c r="K27" s="224"/>
      <c r="L27" s="307"/>
      <c r="M27" s="224"/>
      <c r="N27" s="224"/>
      <c r="O27" s="224"/>
      <c r="P27" s="224"/>
      <c r="Q27" s="224"/>
      <c r="R27" s="283"/>
      <c r="S27" s="224"/>
      <c r="T27" s="224"/>
      <c r="U27" s="224"/>
      <c r="V27" s="224"/>
      <c r="W27" s="224"/>
      <c r="X27" s="224"/>
      <c r="Y27" s="283"/>
      <c r="Z27" s="224"/>
      <c r="AA27" s="224"/>
      <c r="AB27" s="224"/>
      <c r="AC27" s="224"/>
      <c r="AD27" s="224"/>
      <c r="AE27" s="224"/>
      <c r="AF27" s="319"/>
      <c r="AG27" s="224"/>
      <c r="AH27" s="320"/>
      <c r="AI27" s="224"/>
    </row>
    <row r="28" spans="1:35" ht="14.1" customHeight="1">
      <c r="A28" s="797"/>
      <c r="B28" s="798"/>
      <c r="C28" s="227" t="s">
        <v>392</v>
      </c>
      <c r="D28" s="228"/>
      <c r="E28" s="227"/>
      <c r="F28" s="228"/>
      <c r="G28" s="228"/>
      <c r="H28" s="228"/>
      <c r="I28" s="281"/>
      <c r="J28" s="228"/>
      <c r="K28" s="228"/>
      <c r="L28" s="311"/>
      <c r="M28" s="228"/>
      <c r="N28" s="228"/>
      <c r="O28" s="228"/>
      <c r="P28" s="228"/>
      <c r="Q28" s="228"/>
      <c r="R28" s="281"/>
      <c r="S28" s="228"/>
      <c r="T28" s="228"/>
      <c r="U28" s="228"/>
      <c r="V28" s="228"/>
      <c r="W28" s="228"/>
      <c r="X28" s="228"/>
      <c r="Y28" s="281"/>
      <c r="Z28" s="228"/>
      <c r="AA28" s="228"/>
      <c r="AB28" s="228"/>
      <c r="AC28" s="228"/>
      <c r="AD28" s="228"/>
      <c r="AE28" s="228"/>
      <c r="AF28" s="317"/>
      <c r="AG28" s="228"/>
      <c r="AH28" s="318"/>
      <c r="AI28" s="224"/>
    </row>
    <row r="29" spans="1:35" ht="14.1" customHeight="1">
      <c r="A29" s="797"/>
      <c r="B29" s="798"/>
      <c r="C29" s="223" t="s">
        <v>408</v>
      </c>
      <c r="D29" s="224"/>
      <c r="E29" s="220"/>
      <c r="F29" s="221"/>
      <c r="G29" s="221"/>
      <c r="H29" s="221"/>
      <c r="I29" s="302"/>
      <c r="J29" s="221"/>
      <c r="K29" s="221"/>
      <c r="L29" s="303"/>
      <c r="M29" s="221"/>
      <c r="N29" s="221"/>
      <c r="O29" s="221"/>
      <c r="P29" s="221"/>
      <c r="Q29" s="221"/>
      <c r="R29" s="302"/>
      <c r="S29" s="221"/>
      <c r="T29" s="221"/>
      <c r="U29" s="221"/>
      <c r="V29" s="221"/>
      <c r="W29" s="221"/>
      <c r="X29" s="221"/>
      <c r="Y29" s="302"/>
      <c r="Z29" s="221"/>
      <c r="AA29" s="221"/>
      <c r="AB29" s="221"/>
      <c r="AC29" s="221"/>
      <c r="AD29" s="221"/>
      <c r="AE29" s="221"/>
      <c r="AF29" s="315"/>
      <c r="AG29" s="221"/>
      <c r="AH29" s="316"/>
      <c r="AI29" s="224"/>
    </row>
    <row r="30" spans="1:35" ht="14.1" customHeight="1">
      <c r="A30" s="797"/>
      <c r="B30" s="798"/>
      <c r="C30" s="223"/>
      <c r="D30" s="224"/>
      <c r="E30" s="223" t="s">
        <v>386</v>
      </c>
      <c r="F30" s="224"/>
      <c r="G30" s="224"/>
      <c r="H30" s="224"/>
      <c r="I30" s="283"/>
      <c r="J30" s="224"/>
      <c r="K30" s="224"/>
      <c r="L30" s="307"/>
      <c r="M30" s="224"/>
      <c r="N30" s="224"/>
      <c r="O30" s="224"/>
      <c r="P30" s="224"/>
      <c r="Q30" s="224"/>
      <c r="R30" s="283"/>
      <c r="S30" s="224"/>
      <c r="T30" s="224"/>
      <c r="U30" s="224"/>
      <c r="V30" s="224"/>
      <c r="W30" s="224"/>
      <c r="X30" s="224"/>
      <c r="Y30" s="283"/>
      <c r="Z30" s="224"/>
      <c r="AA30" s="224"/>
      <c r="AB30" s="224"/>
      <c r="AC30" s="224"/>
      <c r="AD30" s="224"/>
      <c r="AE30" s="224"/>
      <c r="AF30" s="319"/>
      <c r="AG30" s="224"/>
      <c r="AH30" s="320"/>
      <c r="AI30" s="224"/>
    </row>
    <row r="31" spans="1:35" ht="14.1" customHeight="1">
      <c r="A31" s="797"/>
      <c r="B31" s="798"/>
      <c r="C31" s="227" t="s">
        <v>392</v>
      </c>
      <c r="D31" s="228"/>
      <c r="E31" s="227"/>
      <c r="F31" s="228"/>
      <c r="G31" s="228"/>
      <c r="H31" s="228"/>
      <c r="I31" s="281"/>
      <c r="J31" s="228"/>
      <c r="K31" s="228"/>
      <c r="L31" s="311"/>
      <c r="M31" s="228"/>
      <c r="N31" s="228"/>
      <c r="O31" s="228"/>
      <c r="P31" s="228"/>
      <c r="Q31" s="228"/>
      <c r="R31" s="281"/>
      <c r="S31" s="228"/>
      <c r="T31" s="228"/>
      <c r="U31" s="228"/>
      <c r="V31" s="228"/>
      <c r="W31" s="228"/>
      <c r="X31" s="228"/>
      <c r="Y31" s="281"/>
      <c r="Z31" s="228"/>
      <c r="AA31" s="228"/>
      <c r="AB31" s="228"/>
      <c r="AC31" s="228"/>
      <c r="AD31" s="228"/>
      <c r="AE31" s="228"/>
      <c r="AF31" s="317"/>
      <c r="AG31" s="228"/>
      <c r="AH31" s="318"/>
      <c r="AI31" s="224"/>
    </row>
    <row r="32" spans="1:35" ht="14.1" customHeight="1">
      <c r="A32" s="797"/>
      <c r="B32" s="798"/>
      <c r="C32" s="220" t="s">
        <v>408</v>
      </c>
      <c r="D32" s="327"/>
      <c r="E32" s="223"/>
      <c r="F32" s="224"/>
      <c r="G32" s="224"/>
      <c r="H32" s="224"/>
      <c r="I32" s="283"/>
      <c r="J32" s="224"/>
      <c r="K32" s="224"/>
      <c r="L32" s="307"/>
      <c r="M32" s="224"/>
      <c r="N32" s="224"/>
      <c r="O32" s="224"/>
      <c r="P32" s="224"/>
      <c r="Q32" s="224"/>
      <c r="R32" s="283"/>
      <c r="S32" s="224"/>
      <c r="T32" s="224"/>
      <c r="U32" s="224"/>
      <c r="V32" s="224"/>
      <c r="W32" s="224"/>
      <c r="X32" s="224"/>
      <c r="Y32" s="283"/>
      <c r="Z32" s="224"/>
      <c r="AA32" s="224"/>
      <c r="AB32" s="224"/>
      <c r="AC32" s="224"/>
      <c r="AD32" s="224"/>
      <c r="AE32" s="224"/>
      <c r="AF32" s="319"/>
      <c r="AG32" s="224"/>
      <c r="AH32" s="320"/>
      <c r="AI32" s="224"/>
    </row>
    <row r="33" spans="1:35" ht="14.1" customHeight="1">
      <c r="A33" s="797"/>
      <c r="B33" s="798"/>
      <c r="C33" s="223"/>
      <c r="D33" s="301"/>
      <c r="E33" s="223"/>
      <c r="F33" s="224"/>
      <c r="G33" s="224"/>
      <c r="H33" s="224"/>
      <c r="I33" s="283"/>
      <c r="J33" s="224"/>
      <c r="K33" s="224"/>
      <c r="L33" s="307"/>
      <c r="M33" s="224"/>
      <c r="N33" s="224"/>
      <c r="O33" s="224"/>
      <c r="P33" s="224"/>
      <c r="Q33" s="224"/>
      <c r="R33" s="283"/>
      <c r="S33" s="224"/>
      <c r="T33" s="224"/>
      <c r="U33" s="224"/>
      <c r="V33" s="224"/>
      <c r="W33" s="224"/>
      <c r="X33" s="224"/>
      <c r="Y33" s="283"/>
      <c r="Z33" s="224"/>
      <c r="AA33" s="224"/>
      <c r="AB33" s="224"/>
      <c r="AC33" s="224"/>
      <c r="AD33" s="224"/>
      <c r="AE33" s="224"/>
      <c r="AF33" s="319"/>
      <c r="AG33" s="224"/>
      <c r="AH33" s="320"/>
      <c r="AI33" s="224"/>
    </row>
    <row r="34" spans="1:35" ht="14.1" customHeight="1">
      <c r="A34" s="799"/>
      <c r="B34" s="800"/>
      <c r="C34" s="227" t="s">
        <v>392</v>
      </c>
      <c r="D34" s="310"/>
      <c r="E34" s="223"/>
      <c r="F34" s="224"/>
      <c r="G34" s="224"/>
      <c r="H34" s="224"/>
      <c r="I34" s="283"/>
      <c r="J34" s="224"/>
      <c r="K34" s="224"/>
      <c r="L34" s="307"/>
      <c r="M34" s="224"/>
      <c r="N34" s="224"/>
      <c r="O34" s="224"/>
      <c r="P34" s="224"/>
      <c r="Q34" s="224"/>
      <c r="R34" s="283"/>
      <c r="S34" s="224"/>
      <c r="T34" s="224"/>
      <c r="U34" s="224"/>
      <c r="V34" s="224"/>
      <c r="W34" s="224"/>
      <c r="X34" s="224"/>
      <c r="Y34" s="283"/>
      <c r="Z34" s="224"/>
      <c r="AA34" s="224"/>
      <c r="AB34" s="224"/>
      <c r="AC34" s="224"/>
      <c r="AD34" s="224"/>
      <c r="AE34" s="224"/>
      <c r="AF34" s="319"/>
      <c r="AG34" s="224"/>
      <c r="AH34" s="320"/>
      <c r="AI34" s="224"/>
    </row>
    <row r="35" spans="1:35" ht="14.1" customHeight="1">
      <c r="A35" s="781" t="s">
        <v>481</v>
      </c>
      <c r="B35" s="782"/>
      <c r="C35" s="223" t="s">
        <v>409</v>
      </c>
      <c r="D35" s="224"/>
      <c r="E35" s="220"/>
      <c r="F35" s="221"/>
      <c r="G35" s="221"/>
      <c r="H35" s="221"/>
      <c r="I35" s="302"/>
      <c r="J35" s="221"/>
      <c r="K35" s="221"/>
      <c r="L35" s="303"/>
      <c r="M35" s="221"/>
      <c r="N35" s="221"/>
      <c r="O35" s="221"/>
      <c r="P35" s="221"/>
      <c r="Q35" s="221"/>
      <c r="R35" s="302"/>
      <c r="S35" s="221"/>
      <c r="T35" s="221"/>
      <c r="U35" s="221"/>
      <c r="V35" s="221"/>
      <c r="W35" s="221"/>
      <c r="X35" s="221"/>
      <c r="Y35" s="302"/>
      <c r="Z35" s="221"/>
      <c r="AA35" s="221"/>
      <c r="AB35" s="221"/>
      <c r="AC35" s="221"/>
      <c r="AD35" s="221"/>
      <c r="AE35" s="221"/>
      <c r="AF35" s="315"/>
      <c r="AG35" s="221"/>
      <c r="AH35" s="316"/>
      <c r="AI35" s="224"/>
    </row>
    <row r="36" spans="1:35" ht="14.1" customHeight="1">
      <c r="A36" s="783"/>
      <c r="B36" s="784"/>
      <c r="C36" s="223"/>
      <c r="D36" s="224"/>
      <c r="E36" s="223" t="s">
        <v>386</v>
      </c>
      <c r="F36" s="224"/>
      <c r="G36" s="224"/>
      <c r="H36" s="224"/>
      <c r="I36" s="283"/>
      <c r="J36" s="224"/>
      <c r="K36" s="224"/>
      <c r="L36" s="307"/>
      <c r="M36" s="224"/>
      <c r="N36" s="224"/>
      <c r="O36" s="224"/>
      <c r="P36" s="224"/>
      <c r="Q36" s="224"/>
      <c r="R36" s="283"/>
      <c r="S36" s="224"/>
      <c r="T36" s="224"/>
      <c r="U36" s="224"/>
      <c r="V36" s="224"/>
      <c r="W36" s="224"/>
      <c r="X36" s="224"/>
      <c r="Y36" s="283"/>
      <c r="Z36" s="224"/>
      <c r="AA36" s="224"/>
      <c r="AB36" s="224"/>
      <c r="AC36" s="224"/>
      <c r="AD36" s="224"/>
      <c r="AE36" s="224"/>
      <c r="AF36" s="319"/>
      <c r="AG36" s="224"/>
      <c r="AH36" s="320"/>
      <c r="AI36" s="224"/>
    </row>
    <row r="37" spans="1:35" ht="14.1" customHeight="1">
      <c r="A37" s="783"/>
      <c r="B37" s="784"/>
      <c r="C37" s="227"/>
      <c r="D37" s="228"/>
      <c r="E37" s="227"/>
      <c r="F37" s="228"/>
      <c r="G37" s="228"/>
      <c r="H37" s="228"/>
      <c r="I37" s="281"/>
      <c r="J37" s="228"/>
      <c r="K37" s="228"/>
      <c r="L37" s="311"/>
      <c r="M37" s="228"/>
      <c r="N37" s="228"/>
      <c r="O37" s="228"/>
      <c r="P37" s="228"/>
      <c r="Q37" s="228"/>
      <c r="R37" s="281"/>
      <c r="S37" s="228"/>
      <c r="T37" s="228"/>
      <c r="U37" s="228"/>
      <c r="V37" s="228"/>
      <c r="W37" s="228"/>
      <c r="X37" s="228"/>
      <c r="Y37" s="281"/>
      <c r="Z37" s="228"/>
      <c r="AA37" s="228"/>
      <c r="AB37" s="228"/>
      <c r="AC37" s="228"/>
      <c r="AD37" s="228"/>
      <c r="AE37" s="228"/>
      <c r="AF37" s="317"/>
      <c r="AG37" s="228"/>
      <c r="AH37" s="318"/>
      <c r="AI37" s="224"/>
    </row>
    <row r="38" spans="1:35" ht="14.1" customHeight="1">
      <c r="A38" s="783"/>
      <c r="B38" s="784"/>
      <c r="C38" s="223" t="s">
        <v>421</v>
      </c>
      <c r="D38" s="224"/>
      <c r="E38" s="220"/>
      <c r="F38" s="221"/>
      <c r="G38" s="221"/>
      <c r="H38" s="221"/>
      <c r="I38" s="302"/>
      <c r="J38" s="221"/>
      <c r="K38" s="221"/>
      <c r="L38" s="303"/>
      <c r="M38" s="221"/>
      <c r="N38" s="221"/>
      <c r="O38" s="221"/>
      <c r="P38" s="221"/>
      <c r="Q38" s="221"/>
      <c r="R38" s="302"/>
      <c r="S38" s="221"/>
      <c r="T38" s="221"/>
      <c r="U38" s="221"/>
      <c r="V38" s="221"/>
      <c r="W38" s="221"/>
      <c r="X38" s="221"/>
      <c r="Y38" s="302"/>
      <c r="Z38" s="221"/>
      <c r="AA38" s="221"/>
      <c r="AB38" s="221"/>
      <c r="AC38" s="221"/>
      <c r="AD38" s="221"/>
      <c r="AE38" s="221"/>
      <c r="AF38" s="315"/>
      <c r="AG38" s="221"/>
      <c r="AH38" s="316"/>
      <c r="AI38" s="224"/>
    </row>
    <row r="39" spans="1:35" ht="14.1" customHeight="1">
      <c r="A39" s="783"/>
      <c r="B39" s="784"/>
      <c r="C39" s="223"/>
      <c r="D39" s="224"/>
      <c r="E39" s="223" t="s">
        <v>386</v>
      </c>
      <c r="F39" s="224"/>
      <c r="G39" s="224"/>
      <c r="H39" s="224"/>
      <c r="I39" s="283"/>
      <c r="J39" s="224"/>
      <c r="K39" s="224"/>
      <c r="L39" s="307"/>
      <c r="M39" s="224"/>
      <c r="N39" s="224"/>
      <c r="O39" s="224"/>
      <c r="P39" s="224"/>
      <c r="Q39" s="224"/>
      <c r="R39" s="283"/>
      <c r="S39" s="224"/>
      <c r="T39" s="224"/>
      <c r="U39" s="224"/>
      <c r="V39" s="224"/>
      <c r="W39" s="224"/>
      <c r="X39" s="224"/>
      <c r="Y39" s="283"/>
      <c r="Z39" s="224"/>
      <c r="AA39" s="224"/>
      <c r="AB39" s="224"/>
      <c r="AC39" s="224"/>
      <c r="AD39" s="224"/>
      <c r="AE39" s="224"/>
      <c r="AF39" s="319"/>
      <c r="AG39" s="224"/>
      <c r="AH39" s="320"/>
      <c r="AI39" s="224"/>
    </row>
    <row r="40" spans="1:35" ht="14.1" customHeight="1">
      <c r="A40" s="783"/>
      <c r="B40" s="784"/>
      <c r="C40" s="227"/>
      <c r="D40" s="228"/>
      <c r="E40" s="227"/>
      <c r="F40" s="228"/>
      <c r="G40" s="228"/>
      <c r="H40" s="228"/>
      <c r="I40" s="281"/>
      <c r="J40" s="228"/>
      <c r="K40" s="228"/>
      <c r="L40" s="311"/>
      <c r="M40" s="228"/>
      <c r="N40" s="228"/>
      <c r="O40" s="228"/>
      <c r="P40" s="228"/>
      <c r="Q40" s="228"/>
      <c r="R40" s="281"/>
      <c r="S40" s="228"/>
      <c r="T40" s="228"/>
      <c r="U40" s="228"/>
      <c r="V40" s="228"/>
      <c r="W40" s="228"/>
      <c r="X40" s="228"/>
      <c r="Y40" s="281"/>
      <c r="Z40" s="228"/>
      <c r="AA40" s="228"/>
      <c r="AB40" s="228"/>
      <c r="AC40" s="228"/>
      <c r="AD40" s="228"/>
      <c r="AE40" s="228"/>
      <c r="AF40" s="317"/>
      <c r="AG40" s="228"/>
      <c r="AH40" s="318"/>
      <c r="AI40" s="224"/>
    </row>
    <row r="41" spans="1:35" ht="14.1" customHeight="1">
      <c r="A41" s="783"/>
      <c r="B41" s="784"/>
      <c r="C41" s="328" t="s">
        <v>410</v>
      </c>
      <c r="D41" s="224"/>
      <c r="E41" s="223"/>
      <c r="F41" s="224"/>
      <c r="G41" s="224"/>
      <c r="H41" s="224"/>
      <c r="I41" s="283"/>
      <c r="J41" s="224"/>
      <c r="K41" s="224"/>
      <c r="L41" s="307"/>
      <c r="M41" s="224"/>
      <c r="N41" s="224"/>
      <c r="O41" s="224"/>
      <c r="P41" s="224"/>
      <c r="Q41" s="224"/>
      <c r="R41" s="283"/>
      <c r="S41" s="224"/>
      <c r="T41" s="224"/>
      <c r="U41" s="224"/>
      <c r="V41" s="224"/>
      <c r="W41" s="224"/>
      <c r="X41" s="224"/>
      <c r="Y41" s="283"/>
      <c r="Z41" s="224"/>
      <c r="AA41" s="224"/>
      <c r="AB41" s="224"/>
      <c r="AC41" s="224"/>
      <c r="AD41" s="224"/>
      <c r="AE41" s="224"/>
      <c r="AF41" s="319"/>
      <c r="AG41" s="224"/>
      <c r="AH41" s="320"/>
      <c r="AI41" s="224"/>
    </row>
    <row r="42" spans="1:35" ht="14.1" customHeight="1">
      <c r="A42" s="783"/>
      <c r="B42" s="784"/>
      <c r="C42" s="223"/>
      <c r="D42" s="224"/>
      <c r="E42" s="223"/>
      <c r="F42" s="224"/>
      <c r="G42" s="224"/>
      <c r="H42" s="224"/>
      <c r="I42" s="283"/>
      <c r="J42" s="224"/>
      <c r="K42" s="224"/>
      <c r="L42" s="307"/>
      <c r="M42" s="224"/>
      <c r="N42" s="224"/>
      <c r="O42" s="224"/>
      <c r="P42" s="224"/>
      <c r="Q42" s="224"/>
      <c r="R42" s="283"/>
      <c r="S42" s="224"/>
      <c r="T42" s="224"/>
      <c r="U42" s="224"/>
      <c r="V42" s="224"/>
      <c r="W42" s="224"/>
      <c r="X42" s="224"/>
      <c r="Y42" s="283"/>
      <c r="Z42" s="224"/>
      <c r="AA42" s="224"/>
      <c r="AB42" s="224"/>
      <c r="AC42" s="224"/>
      <c r="AD42" s="224"/>
      <c r="AE42" s="224"/>
      <c r="AF42" s="319"/>
      <c r="AG42" s="224"/>
      <c r="AH42" s="320"/>
      <c r="AI42" s="224"/>
    </row>
    <row r="43" spans="1:35" ht="14.1" customHeight="1">
      <c r="A43" s="785"/>
      <c r="B43" s="786"/>
      <c r="C43" s="223"/>
      <c r="D43" s="224"/>
      <c r="E43" s="223"/>
      <c r="F43" s="224"/>
      <c r="G43" s="224"/>
      <c r="H43" s="224"/>
      <c r="I43" s="283"/>
      <c r="J43" s="224"/>
      <c r="K43" s="224"/>
      <c r="L43" s="307"/>
      <c r="M43" s="224"/>
      <c r="N43" s="224"/>
      <c r="O43" s="224"/>
      <c r="P43" s="224"/>
      <c r="Q43" s="224"/>
      <c r="R43" s="283"/>
      <c r="S43" s="224"/>
      <c r="T43" s="224"/>
      <c r="U43" s="224"/>
      <c r="V43" s="224"/>
      <c r="W43" s="224"/>
      <c r="X43" s="224"/>
      <c r="Y43" s="283"/>
      <c r="Z43" s="224"/>
      <c r="AA43" s="224"/>
      <c r="AB43" s="224"/>
      <c r="AC43" s="224"/>
      <c r="AD43" s="224"/>
      <c r="AE43" s="224"/>
      <c r="AF43" s="319"/>
      <c r="AG43" s="224"/>
      <c r="AH43" s="320"/>
      <c r="AI43" s="224"/>
    </row>
    <row r="44" spans="1:35" ht="14.1" customHeight="1">
      <c r="A44" s="781" t="s">
        <v>482</v>
      </c>
      <c r="B44" s="782"/>
      <c r="C44" s="329" t="s">
        <v>409</v>
      </c>
      <c r="D44" s="221"/>
      <c r="E44" s="220"/>
      <c r="F44" s="221"/>
      <c r="G44" s="221"/>
      <c r="H44" s="221"/>
      <c r="I44" s="302"/>
      <c r="J44" s="221"/>
      <c r="K44" s="221"/>
      <c r="L44" s="303"/>
      <c r="M44" s="221"/>
      <c r="N44" s="221"/>
      <c r="O44" s="221"/>
      <c r="P44" s="221"/>
      <c r="Q44" s="221"/>
      <c r="R44" s="302"/>
      <c r="S44" s="221"/>
      <c r="T44" s="221"/>
      <c r="U44" s="221"/>
      <c r="V44" s="221"/>
      <c r="W44" s="221"/>
      <c r="X44" s="221"/>
      <c r="Y44" s="302"/>
      <c r="Z44" s="221"/>
      <c r="AA44" s="221"/>
      <c r="AB44" s="221"/>
      <c r="AC44" s="221"/>
      <c r="AD44" s="221"/>
      <c r="AE44" s="221"/>
      <c r="AF44" s="315"/>
      <c r="AG44" s="221"/>
      <c r="AH44" s="316"/>
      <c r="AI44" s="224"/>
    </row>
    <row r="45" spans="1:35" ht="14.1" customHeight="1">
      <c r="A45" s="783"/>
      <c r="B45" s="784"/>
      <c r="C45" s="223"/>
      <c r="D45" s="224"/>
      <c r="E45" s="223"/>
      <c r="F45" s="224"/>
      <c r="G45" s="224"/>
      <c r="H45" s="224"/>
      <c r="I45" s="283"/>
      <c r="J45" s="224"/>
      <c r="K45" s="224"/>
      <c r="L45" s="307"/>
      <c r="M45" s="224"/>
      <c r="N45" s="224"/>
      <c r="O45" s="224"/>
      <c r="P45" s="224"/>
      <c r="Q45" s="224"/>
      <c r="R45" s="283"/>
      <c r="S45" s="224"/>
      <c r="T45" s="224"/>
      <c r="U45" s="224"/>
      <c r="V45" s="224"/>
      <c r="W45" s="224"/>
      <c r="X45" s="224"/>
      <c r="Y45" s="283"/>
      <c r="Z45" s="224"/>
      <c r="AA45" s="224"/>
      <c r="AB45" s="224"/>
      <c r="AC45" s="224"/>
      <c r="AD45" s="224"/>
      <c r="AE45" s="224"/>
      <c r="AF45" s="319"/>
      <c r="AG45" s="224"/>
      <c r="AH45" s="320"/>
      <c r="AI45" s="224"/>
    </row>
    <row r="46" spans="1:35" ht="14.1" customHeight="1">
      <c r="A46" s="783"/>
      <c r="B46" s="784"/>
      <c r="C46" s="227"/>
      <c r="D46" s="228"/>
      <c r="E46" s="227"/>
      <c r="F46" s="228"/>
      <c r="G46" s="228"/>
      <c r="H46" s="228"/>
      <c r="I46" s="281"/>
      <c r="J46" s="228"/>
      <c r="K46" s="228"/>
      <c r="L46" s="311"/>
      <c r="M46" s="228"/>
      <c r="N46" s="228"/>
      <c r="O46" s="228"/>
      <c r="P46" s="228"/>
      <c r="Q46" s="228"/>
      <c r="R46" s="281"/>
      <c r="S46" s="228"/>
      <c r="T46" s="228"/>
      <c r="U46" s="228"/>
      <c r="V46" s="228"/>
      <c r="W46" s="228"/>
      <c r="X46" s="228"/>
      <c r="Y46" s="281"/>
      <c r="Z46" s="228"/>
      <c r="AA46" s="228"/>
      <c r="AB46" s="228"/>
      <c r="AC46" s="228"/>
      <c r="AD46" s="228"/>
      <c r="AE46" s="228"/>
      <c r="AF46" s="317"/>
      <c r="AG46" s="228"/>
      <c r="AH46" s="318"/>
      <c r="AI46" s="224"/>
    </row>
    <row r="47" spans="1:35" ht="14.1" customHeight="1">
      <c r="A47" s="783"/>
      <c r="B47" s="784"/>
      <c r="C47" s="223" t="s">
        <v>421</v>
      </c>
      <c r="D47" s="224"/>
      <c r="E47" s="223"/>
      <c r="F47" s="224"/>
      <c r="G47" s="224"/>
      <c r="H47" s="224"/>
      <c r="I47" s="283"/>
      <c r="J47" s="224"/>
      <c r="K47" s="224"/>
      <c r="L47" s="307"/>
      <c r="M47" s="224"/>
      <c r="N47" s="224"/>
      <c r="O47" s="224"/>
      <c r="P47" s="224"/>
      <c r="Q47" s="224"/>
      <c r="R47" s="283"/>
      <c r="S47" s="224"/>
      <c r="T47" s="224"/>
      <c r="U47" s="224"/>
      <c r="V47" s="224"/>
      <c r="W47" s="224"/>
      <c r="X47" s="224"/>
      <c r="Y47" s="283"/>
      <c r="Z47" s="224"/>
      <c r="AA47" s="224"/>
      <c r="AB47" s="224"/>
      <c r="AC47" s="224"/>
      <c r="AD47" s="224"/>
      <c r="AE47" s="224"/>
      <c r="AF47" s="319"/>
      <c r="AG47" s="224"/>
      <c r="AH47" s="320"/>
      <c r="AI47" s="224"/>
    </row>
    <row r="48" spans="1:35" ht="14.1" customHeight="1">
      <c r="A48" s="783"/>
      <c r="B48" s="784"/>
      <c r="C48" s="223"/>
      <c r="D48" s="224"/>
      <c r="E48" s="223"/>
      <c r="F48" s="224"/>
      <c r="G48" s="224"/>
      <c r="H48" s="224"/>
      <c r="I48" s="283"/>
      <c r="J48" s="224"/>
      <c r="K48" s="224"/>
      <c r="L48" s="307"/>
      <c r="M48" s="224"/>
      <c r="N48" s="224"/>
      <c r="O48" s="224"/>
      <c r="P48" s="224"/>
      <c r="Q48" s="224"/>
      <c r="R48" s="283"/>
      <c r="S48" s="224"/>
      <c r="T48" s="224"/>
      <c r="U48" s="224"/>
      <c r="V48" s="224"/>
      <c r="W48" s="224"/>
      <c r="X48" s="224"/>
      <c r="Y48" s="283"/>
      <c r="Z48" s="224"/>
      <c r="AA48" s="224"/>
      <c r="AB48" s="224"/>
      <c r="AC48" s="224"/>
      <c r="AD48" s="224"/>
      <c r="AE48" s="224"/>
      <c r="AF48" s="319"/>
      <c r="AG48" s="224"/>
      <c r="AH48" s="320"/>
      <c r="AI48" s="224"/>
    </row>
    <row r="49" spans="1:35" ht="14.1" customHeight="1">
      <c r="A49" s="783"/>
      <c r="B49" s="784"/>
      <c r="C49" s="223"/>
      <c r="D49" s="224"/>
      <c r="E49" s="223"/>
      <c r="F49" s="224"/>
      <c r="G49" s="224"/>
      <c r="H49" s="224"/>
      <c r="I49" s="283"/>
      <c r="J49" s="224"/>
      <c r="K49" s="224"/>
      <c r="L49" s="307"/>
      <c r="M49" s="224"/>
      <c r="N49" s="224"/>
      <c r="O49" s="224"/>
      <c r="P49" s="224"/>
      <c r="Q49" s="224"/>
      <c r="R49" s="283"/>
      <c r="S49" s="224"/>
      <c r="T49" s="224"/>
      <c r="U49" s="224"/>
      <c r="V49" s="224"/>
      <c r="W49" s="224"/>
      <c r="X49" s="224"/>
      <c r="Y49" s="283"/>
      <c r="Z49" s="224"/>
      <c r="AA49" s="224"/>
      <c r="AB49" s="224"/>
      <c r="AC49" s="224"/>
      <c r="AD49" s="224"/>
      <c r="AE49" s="224"/>
      <c r="AF49" s="319"/>
      <c r="AG49" s="224"/>
      <c r="AH49" s="320"/>
      <c r="AI49" s="224"/>
    </row>
    <row r="50" spans="1:35" ht="14.1" customHeight="1">
      <c r="A50" s="783"/>
      <c r="B50" s="784"/>
      <c r="C50" s="329" t="s">
        <v>410</v>
      </c>
      <c r="D50" s="221"/>
      <c r="E50" s="220"/>
      <c r="F50" s="221"/>
      <c r="G50" s="221"/>
      <c r="H50" s="221"/>
      <c r="I50" s="302"/>
      <c r="J50" s="221"/>
      <c r="K50" s="221"/>
      <c r="L50" s="303"/>
      <c r="M50" s="221"/>
      <c r="N50" s="221"/>
      <c r="O50" s="221"/>
      <c r="P50" s="221"/>
      <c r="Q50" s="221"/>
      <c r="R50" s="302"/>
      <c r="S50" s="221"/>
      <c r="T50" s="221"/>
      <c r="U50" s="221"/>
      <c r="V50" s="221"/>
      <c r="W50" s="221"/>
      <c r="X50" s="221"/>
      <c r="Y50" s="302"/>
      <c r="Z50" s="221"/>
      <c r="AA50" s="221"/>
      <c r="AB50" s="221"/>
      <c r="AC50" s="221"/>
      <c r="AD50" s="221"/>
      <c r="AE50" s="221"/>
      <c r="AF50" s="315"/>
      <c r="AG50" s="221"/>
      <c r="AH50" s="316"/>
      <c r="AI50" s="224"/>
    </row>
    <row r="51" spans="1:35" ht="14.1" customHeight="1">
      <c r="A51" s="783"/>
      <c r="B51" s="784"/>
      <c r="C51" s="223"/>
      <c r="D51" s="224"/>
      <c r="E51" s="223"/>
      <c r="F51" s="224"/>
      <c r="G51" s="224"/>
      <c r="H51" s="224"/>
      <c r="I51" s="283"/>
      <c r="J51" s="224"/>
      <c r="K51" s="224"/>
      <c r="L51" s="307"/>
      <c r="M51" s="224"/>
      <c r="N51" s="224"/>
      <c r="O51" s="224"/>
      <c r="P51" s="224"/>
      <c r="Q51" s="224"/>
      <c r="R51" s="283"/>
      <c r="S51" s="224"/>
      <c r="T51" s="224"/>
      <c r="U51" s="224"/>
      <c r="V51" s="224"/>
      <c r="W51" s="224"/>
      <c r="X51" s="224"/>
      <c r="Y51" s="283"/>
      <c r="Z51" s="224"/>
      <c r="AA51" s="224"/>
      <c r="AB51" s="224"/>
      <c r="AC51" s="224"/>
      <c r="AD51" s="224"/>
      <c r="AE51" s="224"/>
      <c r="AF51" s="319"/>
      <c r="AG51" s="224"/>
      <c r="AH51" s="320"/>
      <c r="AI51" s="224"/>
    </row>
    <row r="52" spans="1:35" ht="14.1" customHeight="1">
      <c r="A52" s="783"/>
      <c r="B52" s="784"/>
      <c r="C52" s="227"/>
      <c r="D52" s="228"/>
      <c r="E52" s="227"/>
      <c r="F52" s="228"/>
      <c r="G52" s="228"/>
      <c r="H52" s="228"/>
      <c r="I52" s="281"/>
      <c r="J52" s="228"/>
      <c r="K52" s="228"/>
      <c r="L52" s="311"/>
      <c r="M52" s="228"/>
      <c r="N52" s="228"/>
      <c r="O52" s="228"/>
      <c r="P52" s="228"/>
      <c r="Q52" s="228"/>
      <c r="R52" s="281"/>
      <c r="S52" s="228"/>
      <c r="T52" s="228"/>
      <c r="U52" s="228"/>
      <c r="V52" s="228"/>
      <c r="W52" s="228"/>
      <c r="X52" s="228"/>
      <c r="Y52" s="281"/>
      <c r="Z52" s="228"/>
      <c r="AA52" s="228"/>
      <c r="AB52" s="228"/>
      <c r="AC52" s="228"/>
      <c r="AD52" s="228"/>
      <c r="AE52" s="228"/>
      <c r="AF52" s="317"/>
      <c r="AG52" s="228"/>
      <c r="AH52" s="318"/>
      <c r="AI52" s="224"/>
    </row>
    <row r="53" spans="1:35" ht="14.1" customHeight="1">
      <c r="A53" s="783"/>
      <c r="B53" s="784"/>
      <c r="C53" s="223" t="s">
        <v>411</v>
      </c>
      <c r="D53" s="224"/>
      <c r="E53" s="223"/>
      <c r="F53" s="224"/>
      <c r="G53" s="224"/>
      <c r="H53" s="224"/>
      <c r="I53" s="283"/>
      <c r="J53" s="224"/>
      <c r="K53" s="224"/>
      <c r="L53" s="307"/>
      <c r="M53" s="224"/>
      <c r="N53" s="224"/>
      <c r="O53" s="224"/>
      <c r="P53" s="224"/>
      <c r="Q53" s="224"/>
      <c r="R53" s="283"/>
      <c r="S53" s="224"/>
      <c r="T53" s="224"/>
      <c r="U53" s="224"/>
      <c r="V53" s="224"/>
      <c r="W53" s="224"/>
      <c r="X53" s="224"/>
      <c r="Y53" s="283"/>
      <c r="Z53" s="224"/>
      <c r="AA53" s="224"/>
      <c r="AB53" s="224"/>
      <c r="AC53" s="224"/>
      <c r="AD53" s="224"/>
      <c r="AE53" s="224"/>
      <c r="AF53" s="319"/>
      <c r="AG53" s="224"/>
      <c r="AH53" s="320"/>
      <c r="AI53" s="224"/>
    </row>
    <row r="54" spans="1:35" ht="14.1" customHeight="1">
      <c r="A54" s="783"/>
      <c r="B54" s="784"/>
      <c r="C54" s="223"/>
      <c r="D54" s="224"/>
      <c r="E54" s="223"/>
      <c r="F54" s="224"/>
      <c r="G54" s="224"/>
      <c r="H54" s="224"/>
      <c r="I54" s="283"/>
      <c r="J54" s="224"/>
      <c r="K54" s="224"/>
      <c r="L54" s="307"/>
      <c r="M54" s="224"/>
      <c r="N54" s="224"/>
      <c r="O54" s="224"/>
      <c r="P54" s="224"/>
      <c r="Q54" s="224"/>
      <c r="R54" s="283"/>
      <c r="S54" s="224"/>
      <c r="T54" s="224"/>
      <c r="U54" s="224"/>
      <c r="V54" s="224"/>
      <c r="W54" s="224"/>
      <c r="X54" s="224"/>
      <c r="Y54" s="283"/>
      <c r="Z54" s="224"/>
      <c r="AA54" s="224"/>
      <c r="AB54" s="224"/>
      <c r="AC54" s="224"/>
      <c r="AD54" s="224"/>
      <c r="AE54" s="224"/>
      <c r="AF54" s="319"/>
      <c r="AG54" s="224"/>
      <c r="AH54" s="320"/>
      <c r="AI54" s="224"/>
    </row>
    <row r="55" spans="1:35" ht="14.1" customHeight="1">
      <c r="A55" s="785"/>
      <c r="B55" s="786"/>
      <c r="C55" s="227"/>
      <c r="D55" s="228"/>
      <c r="E55" s="227"/>
      <c r="F55" s="228"/>
      <c r="G55" s="228"/>
      <c r="H55" s="228"/>
      <c r="I55" s="281"/>
      <c r="J55" s="228"/>
      <c r="K55" s="228"/>
      <c r="L55" s="311"/>
      <c r="M55" s="228"/>
      <c r="N55" s="228"/>
      <c r="O55" s="228"/>
      <c r="P55" s="228"/>
      <c r="Q55" s="228"/>
      <c r="R55" s="281"/>
      <c r="S55" s="228"/>
      <c r="T55" s="228"/>
      <c r="U55" s="228"/>
      <c r="V55" s="228"/>
      <c r="W55" s="228"/>
      <c r="X55" s="228"/>
      <c r="Y55" s="281"/>
      <c r="Z55" s="228"/>
      <c r="AA55" s="228"/>
      <c r="AB55" s="228"/>
      <c r="AC55" s="228"/>
      <c r="AD55" s="228"/>
      <c r="AE55" s="228"/>
      <c r="AF55" s="317"/>
      <c r="AG55" s="228"/>
      <c r="AH55" s="318"/>
      <c r="AI55" s="224"/>
    </row>
    <row r="56" spans="1:35" ht="14.1" customHeight="1">
      <c r="A56" s="222"/>
      <c r="B56" s="221"/>
      <c r="C56" s="220"/>
      <c r="D56" s="221"/>
      <c r="E56" s="220"/>
      <c r="F56" s="221"/>
      <c r="G56" s="221"/>
      <c r="H56" s="221"/>
      <c r="I56" s="302"/>
      <c r="J56" s="221"/>
      <c r="K56" s="221"/>
      <c r="L56" s="303"/>
      <c r="M56" s="221"/>
      <c r="N56" s="221"/>
      <c r="O56" s="221"/>
      <c r="P56" s="221"/>
      <c r="Q56" s="221"/>
      <c r="R56" s="302"/>
      <c r="S56" s="221"/>
      <c r="T56" s="221"/>
      <c r="U56" s="221"/>
      <c r="V56" s="221"/>
      <c r="W56" s="221"/>
      <c r="X56" s="221"/>
      <c r="Y56" s="302"/>
      <c r="Z56" s="221"/>
      <c r="AA56" s="221"/>
      <c r="AB56" s="221"/>
      <c r="AC56" s="221"/>
      <c r="AD56" s="221"/>
      <c r="AE56" s="221"/>
      <c r="AF56" s="315"/>
      <c r="AG56" s="221"/>
      <c r="AH56" s="316"/>
      <c r="AI56" s="224"/>
    </row>
    <row r="57" spans="1:35" ht="14.1" customHeight="1">
      <c r="A57" s="779" t="s">
        <v>396</v>
      </c>
      <c r="B57" s="780"/>
      <c r="C57" s="223" t="s">
        <v>391</v>
      </c>
      <c r="D57" s="224"/>
      <c r="E57" s="223" t="s">
        <v>386</v>
      </c>
      <c r="F57" s="224"/>
      <c r="G57" s="224"/>
      <c r="H57" s="224"/>
      <c r="I57" s="283"/>
      <c r="J57" s="224"/>
      <c r="K57" s="224"/>
      <c r="L57" s="307"/>
      <c r="M57" s="224"/>
      <c r="N57" s="224"/>
      <c r="O57" s="224"/>
      <c r="P57" s="224"/>
      <c r="Q57" s="224"/>
      <c r="R57" s="283"/>
      <c r="S57" s="224"/>
      <c r="T57" s="224"/>
      <c r="U57" s="224"/>
      <c r="V57" s="224"/>
      <c r="W57" s="224"/>
      <c r="X57" s="224"/>
      <c r="Y57" s="283"/>
      <c r="Z57" s="224"/>
      <c r="AA57" s="224"/>
      <c r="AB57" s="224"/>
      <c r="AC57" s="224"/>
      <c r="AD57" s="224"/>
      <c r="AE57" s="224"/>
      <c r="AF57" s="319"/>
      <c r="AG57" s="224"/>
      <c r="AH57" s="320"/>
      <c r="AI57" s="224"/>
    </row>
    <row r="58" spans="1:35" ht="14.1" customHeight="1">
      <c r="A58" s="229"/>
      <c r="B58" s="224"/>
      <c r="C58" s="227" t="s">
        <v>392</v>
      </c>
      <c r="D58" s="228"/>
      <c r="E58" s="227"/>
      <c r="F58" s="228"/>
      <c r="G58" s="228"/>
      <c r="H58" s="228"/>
      <c r="I58" s="281"/>
      <c r="J58" s="228"/>
      <c r="K58" s="228"/>
      <c r="L58" s="311"/>
      <c r="M58" s="228"/>
      <c r="N58" s="228"/>
      <c r="O58" s="228"/>
      <c r="P58" s="228"/>
      <c r="Q58" s="228"/>
      <c r="R58" s="281"/>
      <c r="S58" s="228"/>
      <c r="T58" s="228"/>
      <c r="U58" s="228"/>
      <c r="V58" s="228"/>
      <c r="W58" s="228"/>
      <c r="X58" s="228"/>
      <c r="Y58" s="281"/>
      <c r="Z58" s="228"/>
      <c r="AA58" s="228"/>
      <c r="AB58" s="228"/>
      <c r="AC58" s="228"/>
      <c r="AD58" s="228"/>
      <c r="AE58" s="228"/>
      <c r="AF58" s="317"/>
      <c r="AG58" s="228"/>
      <c r="AH58" s="318"/>
      <c r="AI58" s="224"/>
    </row>
    <row r="59" spans="1:35" ht="14.1" customHeight="1">
      <c r="A59" s="779" t="s">
        <v>397</v>
      </c>
      <c r="B59" s="780"/>
      <c r="C59" s="223"/>
      <c r="D59" s="224"/>
      <c r="E59" s="220"/>
      <c r="F59" s="221"/>
      <c r="G59" s="221"/>
      <c r="H59" s="221"/>
      <c r="I59" s="302"/>
      <c r="J59" s="221"/>
      <c r="K59" s="221"/>
      <c r="L59" s="303"/>
      <c r="M59" s="221"/>
      <c r="N59" s="221"/>
      <c r="O59" s="221"/>
      <c r="P59" s="221"/>
      <c r="Q59" s="221"/>
      <c r="R59" s="302"/>
      <c r="S59" s="221"/>
      <c r="T59" s="221"/>
      <c r="U59" s="221"/>
      <c r="V59" s="221"/>
      <c r="W59" s="221"/>
      <c r="X59" s="221"/>
      <c r="Y59" s="302"/>
      <c r="Z59" s="221"/>
      <c r="AA59" s="221"/>
      <c r="AB59" s="221"/>
      <c r="AC59" s="221"/>
      <c r="AD59" s="221"/>
      <c r="AE59" s="221"/>
      <c r="AF59" s="315"/>
      <c r="AG59" s="221"/>
      <c r="AH59" s="316"/>
      <c r="AI59" s="224"/>
    </row>
    <row r="60" spans="1:35" ht="14.1" customHeight="1">
      <c r="A60" s="229"/>
      <c r="B60" s="224"/>
      <c r="C60" s="223" t="s">
        <v>393</v>
      </c>
      <c r="D60" s="224"/>
      <c r="E60" s="223" t="s">
        <v>386</v>
      </c>
      <c r="F60" s="224"/>
      <c r="G60" s="224"/>
      <c r="H60" s="224"/>
      <c r="I60" s="283"/>
      <c r="J60" s="224"/>
      <c r="K60" s="224"/>
      <c r="L60" s="307"/>
      <c r="M60" s="224"/>
      <c r="N60" s="224"/>
      <c r="O60" s="224"/>
      <c r="P60" s="224"/>
      <c r="Q60" s="224"/>
      <c r="R60" s="283"/>
      <c r="S60" s="224"/>
      <c r="T60" s="224"/>
      <c r="U60" s="224"/>
      <c r="V60" s="224"/>
      <c r="W60" s="224"/>
      <c r="X60" s="224"/>
      <c r="Y60" s="283"/>
      <c r="Z60" s="224"/>
      <c r="AA60" s="224"/>
      <c r="AB60" s="224"/>
      <c r="AC60" s="224"/>
      <c r="AD60" s="224"/>
      <c r="AE60" s="224"/>
      <c r="AF60" s="319"/>
      <c r="AG60" s="224"/>
      <c r="AH60" s="320"/>
    </row>
    <row r="61" spans="1:35" ht="14.1" customHeight="1">
      <c r="A61" s="779" t="s">
        <v>395</v>
      </c>
      <c r="B61" s="780"/>
      <c r="C61" s="227" t="s">
        <v>392</v>
      </c>
      <c r="D61" s="228"/>
      <c r="E61" s="227"/>
      <c r="F61" s="228"/>
      <c r="G61" s="228"/>
      <c r="H61" s="228"/>
      <c r="I61" s="281"/>
      <c r="J61" s="228"/>
      <c r="K61" s="228"/>
      <c r="L61" s="311"/>
      <c r="M61" s="228"/>
      <c r="N61" s="228"/>
      <c r="O61" s="228"/>
      <c r="P61" s="228"/>
      <c r="Q61" s="228"/>
      <c r="R61" s="281"/>
      <c r="S61" s="228"/>
      <c r="T61" s="228"/>
      <c r="U61" s="228"/>
      <c r="V61" s="228"/>
      <c r="W61" s="228"/>
      <c r="X61" s="228"/>
      <c r="Y61" s="281"/>
      <c r="Z61" s="228"/>
      <c r="AA61" s="228"/>
      <c r="AB61" s="228"/>
      <c r="AC61" s="228"/>
      <c r="AD61" s="228"/>
      <c r="AE61" s="228"/>
      <c r="AF61" s="317"/>
      <c r="AG61" s="228"/>
      <c r="AH61" s="318"/>
    </row>
    <row r="62" spans="1:35" ht="14.1" customHeight="1">
      <c r="A62" s="225"/>
      <c r="B62" s="226"/>
      <c r="C62" s="223"/>
      <c r="D62" s="224"/>
      <c r="E62" s="223"/>
      <c r="F62" s="224"/>
      <c r="G62" s="224"/>
      <c r="H62" s="224"/>
      <c r="I62" s="283"/>
      <c r="J62" s="224"/>
      <c r="K62" s="224"/>
      <c r="L62" s="307"/>
      <c r="M62" s="224"/>
      <c r="N62" s="224"/>
      <c r="O62" s="224"/>
      <c r="P62" s="224"/>
      <c r="Q62" s="224"/>
      <c r="R62" s="283"/>
      <c r="S62" s="224"/>
      <c r="T62" s="224"/>
      <c r="U62" s="224"/>
      <c r="V62" s="224"/>
      <c r="W62" s="224"/>
      <c r="X62" s="224"/>
      <c r="Y62" s="283"/>
      <c r="Z62" s="224"/>
      <c r="AA62" s="224"/>
      <c r="AB62" s="224"/>
      <c r="AC62" s="224"/>
      <c r="AD62" s="224"/>
      <c r="AE62" s="224"/>
      <c r="AF62" s="319"/>
      <c r="AG62" s="224"/>
      <c r="AH62" s="320"/>
    </row>
    <row r="63" spans="1:35" ht="14.1" customHeight="1">
      <c r="A63" s="225"/>
      <c r="B63" s="226"/>
      <c r="C63" s="223" t="s">
        <v>394</v>
      </c>
      <c r="D63" s="224"/>
      <c r="E63" s="223"/>
      <c r="F63" s="224"/>
      <c r="G63" s="224"/>
      <c r="H63" s="224"/>
      <c r="I63" s="283"/>
      <c r="J63" s="224"/>
      <c r="K63" s="224"/>
      <c r="L63" s="307"/>
      <c r="M63" s="224"/>
      <c r="N63" s="224"/>
      <c r="O63" s="224"/>
      <c r="P63" s="224"/>
      <c r="Q63" s="224"/>
      <c r="R63" s="283"/>
      <c r="S63" s="224"/>
      <c r="T63" s="224"/>
      <c r="U63" s="224"/>
      <c r="V63" s="224"/>
      <c r="W63" s="224"/>
      <c r="X63" s="224"/>
      <c r="Y63" s="283"/>
      <c r="Z63" s="224"/>
      <c r="AA63" s="224"/>
      <c r="AB63" s="224"/>
      <c r="AC63" s="224"/>
      <c r="AD63" s="224"/>
      <c r="AE63" s="224"/>
      <c r="AF63" s="319"/>
      <c r="AG63" s="224"/>
      <c r="AH63" s="320"/>
    </row>
    <row r="64" spans="1:35" ht="14.1" customHeight="1">
      <c r="A64" s="225"/>
      <c r="B64" s="226"/>
      <c r="C64" s="227" t="s">
        <v>392</v>
      </c>
      <c r="D64" s="228"/>
      <c r="E64" s="223"/>
      <c r="F64" s="224"/>
      <c r="G64" s="224"/>
      <c r="H64" s="224"/>
      <c r="I64" s="283"/>
      <c r="J64" s="224"/>
      <c r="K64" s="224"/>
      <c r="L64" s="307"/>
      <c r="M64" s="224"/>
      <c r="N64" s="224"/>
      <c r="O64" s="224"/>
      <c r="P64" s="224"/>
      <c r="Q64" s="224"/>
      <c r="R64" s="283"/>
      <c r="S64" s="224"/>
      <c r="T64" s="224"/>
      <c r="U64" s="224"/>
      <c r="V64" s="224"/>
      <c r="W64" s="224"/>
      <c r="X64" s="224"/>
      <c r="Y64" s="283"/>
      <c r="Z64" s="224"/>
      <c r="AA64" s="224"/>
      <c r="AB64" s="224"/>
      <c r="AC64" s="224"/>
      <c r="AD64" s="224"/>
      <c r="AE64" s="224"/>
      <c r="AF64" s="319"/>
      <c r="AG64" s="224"/>
      <c r="AH64" s="320"/>
    </row>
    <row r="65" spans="1:34" ht="14.1" customHeight="1">
      <c r="A65" s="222"/>
      <c r="B65" s="327"/>
      <c r="C65" s="223" t="s">
        <v>422</v>
      </c>
      <c r="D65" s="224"/>
      <c r="E65" s="220" t="s">
        <v>386</v>
      </c>
      <c r="F65" s="221"/>
      <c r="G65" s="221"/>
      <c r="H65" s="221"/>
      <c r="I65" s="302"/>
      <c r="J65" s="221"/>
      <c r="K65" s="221"/>
      <c r="L65" s="303"/>
      <c r="M65" s="221"/>
      <c r="N65" s="221"/>
      <c r="O65" s="221"/>
      <c r="P65" s="221"/>
      <c r="Q65" s="221"/>
      <c r="R65" s="302"/>
      <c r="S65" s="221"/>
      <c r="T65" s="221"/>
      <c r="U65" s="221"/>
      <c r="V65" s="221"/>
      <c r="W65" s="221"/>
      <c r="X65" s="221"/>
      <c r="Y65" s="302"/>
      <c r="Z65" s="221"/>
      <c r="AA65" s="221"/>
      <c r="AB65" s="221"/>
      <c r="AC65" s="221"/>
      <c r="AD65" s="221"/>
      <c r="AE65" s="221"/>
      <c r="AF65" s="315"/>
      <c r="AG65" s="221"/>
      <c r="AH65" s="316"/>
    </row>
    <row r="66" spans="1:34" ht="14.1" customHeight="1">
      <c r="A66" s="779" t="s">
        <v>424</v>
      </c>
      <c r="B66" s="780"/>
      <c r="C66" s="223"/>
      <c r="D66" s="224"/>
      <c r="E66" s="223"/>
      <c r="F66" s="224"/>
      <c r="G66" s="224"/>
      <c r="H66" s="224"/>
      <c r="I66" s="283"/>
      <c r="J66" s="224"/>
      <c r="K66" s="224"/>
      <c r="L66" s="307"/>
      <c r="M66" s="224"/>
      <c r="N66" s="224"/>
      <c r="O66" s="224"/>
      <c r="P66" s="224"/>
      <c r="Q66" s="224"/>
      <c r="R66" s="283"/>
      <c r="S66" s="224"/>
      <c r="T66" s="224"/>
      <c r="U66" s="224"/>
      <c r="V66" s="224"/>
      <c r="W66" s="224"/>
      <c r="X66" s="224"/>
      <c r="Y66" s="283"/>
      <c r="Z66" s="224"/>
      <c r="AA66" s="224"/>
      <c r="AB66" s="224"/>
      <c r="AC66" s="224"/>
      <c r="AD66" s="224"/>
      <c r="AE66" s="224"/>
      <c r="AF66" s="319"/>
      <c r="AG66" s="224"/>
      <c r="AH66" s="320"/>
    </row>
    <row r="67" spans="1:34" ht="14.1" customHeight="1">
      <c r="A67" s="779" t="s">
        <v>425</v>
      </c>
      <c r="B67" s="780"/>
      <c r="C67" s="223" t="s">
        <v>392</v>
      </c>
      <c r="D67" s="224"/>
      <c r="E67" s="223"/>
      <c r="F67" s="224"/>
      <c r="G67" s="224"/>
      <c r="H67" s="224"/>
      <c r="I67" s="283"/>
      <c r="J67" s="224"/>
      <c r="K67" s="224"/>
      <c r="L67" s="307"/>
      <c r="M67" s="224"/>
      <c r="N67" s="224"/>
      <c r="O67" s="224"/>
      <c r="P67" s="224"/>
      <c r="Q67" s="224"/>
      <c r="R67" s="283"/>
      <c r="S67" s="224"/>
      <c r="T67" s="224"/>
      <c r="U67" s="224"/>
      <c r="V67" s="224"/>
      <c r="W67" s="224"/>
      <c r="X67" s="224"/>
      <c r="Y67" s="283"/>
      <c r="Z67" s="224"/>
      <c r="AA67" s="224"/>
      <c r="AB67" s="224"/>
      <c r="AC67" s="224"/>
      <c r="AD67" s="224"/>
      <c r="AE67" s="224"/>
      <c r="AF67" s="319"/>
      <c r="AG67" s="224"/>
      <c r="AH67" s="320"/>
    </row>
    <row r="68" spans="1:34" ht="14.1" customHeight="1">
      <c r="A68" s="779" t="s">
        <v>426</v>
      </c>
      <c r="B68" s="780"/>
      <c r="C68" s="220" t="s">
        <v>423</v>
      </c>
      <c r="D68" s="221"/>
      <c r="E68" s="220"/>
      <c r="F68" s="221"/>
      <c r="G68" s="221"/>
      <c r="H68" s="221"/>
      <c r="I68" s="302"/>
      <c r="J68" s="221"/>
      <c r="K68" s="221"/>
      <c r="L68" s="303"/>
      <c r="M68" s="221"/>
      <c r="N68" s="221"/>
      <c r="O68" s="221"/>
      <c r="P68" s="221"/>
      <c r="Q68" s="221"/>
      <c r="R68" s="302"/>
      <c r="S68" s="221"/>
      <c r="T68" s="221"/>
      <c r="U68" s="221"/>
      <c r="V68" s="221"/>
      <c r="W68" s="221"/>
      <c r="X68" s="221"/>
      <c r="Y68" s="302"/>
      <c r="Z68" s="221"/>
      <c r="AA68" s="221"/>
      <c r="AB68" s="221"/>
      <c r="AC68" s="221"/>
      <c r="AD68" s="221"/>
      <c r="AE68" s="221"/>
      <c r="AF68" s="315"/>
      <c r="AG68" s="221"/>
      <c r="AH68" s="316"/>
    </row>
    <row r="69" spans="1:34" ht="14.1" customHeight="1">
      <c r="A69" s="245"/>
      <c r="B69" s="246"/>
      <c r="C69" s="223"/>
      <c r="D69" s="224"/>
      <c r="E69" s="223"/>
      <c r="F69" s="224"/>
      <c r="G69" s="224"/>
      <c r="H69" s="224"/>
      <c r="I69" s="283"/>
      <c r="J69" s="224"/>
      <c r="K69" s="224"/>
      <c r="L69" s="307"/>
      <c r="M69" s="224"/>
      <c r="N69" s="224"/>
      <c r="O69" s="224"/>
      <c r="P69" s="224"/>
      <c r="Q69" s="224"/>
      <c r="R69" s="283"/>
      <c r="S69" s="224"/>
      <c r="T69" s="224"/>
      <c r="U69" s="224"/>
      <c r="V69" s="224"/>
      <c r="W69" s="224"/>
      <c r="X69" s="224"/>
      <c r="Y69" s="283"/>
      <c r="Z69" s="224"/>
      <c r="AA69" s="224"/>
      <c r="AB69" s="224"/>
      <c r="AC69" s="224"/>
      <c r="AD69" s="224"/>
      <c r="AE69" s="224"/>
      <c r="AF69" s="319"/>
      <c r="AG69" s="224"/>
      <c r="AH69" s="320"/>
    </row>
    <row r="70" spans="1:34" ht="14.1" customHeight="1">
      <c r="A70" s="245"/>
      <c r="B70" s="246"/>
      <c r="C70" s="223" t="s">
        <v>392</v>
      </c>
      <c r="D70" s="224"/>
      <c r="E70" s="227"/>
      <c r="F70" s="228"/>
      <c r="G70" s="228"/>
      <c r="H70" s="228"/>
      <c r="I70" s="281"/>
      <c r="J70" s="228"/>
      <c r="K70" s="228"/>
      <c r="L70" s="311"/>
      <c r="M70" s="228"/>
      <c r="N70" s="228"/>
      <c r="O70" s="228"/>
      <c r="P70" s="228"/>
      <c r="Q70" s="228"/>
      <c r="R70" s="281"/>
      <c r="S70" s="228"/>
      <c r="T70" s="228"/>
      <c r="U70" s="228"/>
      <c r="V70" s="228"/>
      <c r="W70" s="228"/>
      <c r="X70" s="228"/>
      <c r="Y70" s="281"/>
      <c r="Z70" s="228"/>
      <c r="AA70" s="228"/>
      <c r="AB70" s="228"/>
      <c r="AC70" s="228"/>
      <c r="AD70" s="228"/>
      <c r="AE70" s="228"/>
      <c r="AF70" s="317"/>
      <c r="AG70" s="228"/>
      <c r="AH70" s="318"/>
    </row>
    <row r="71" spans="1:34" ht="14.1" customHeight="1">
      <c r="A71" s="245"/>
      <c r="B71" s="246"/>
      <c r="C71" s="220"/>
      <c r="D71" s="221"/>
      <c r="E71" s="223"/>
      <c r="F71" s="224"/>
      <c r="G71" s="224"/>
      <c r="H71" s="224"/>
      <c r="I71" s="283"/>
      <c r="J71" s="224"/>
      <c r="K71" s="224"/>
      <c r="L71" s="307"/>
      <c r="M71" s="224"/>
      <c r="N71" s="224"/>
      <c r="O71" s="224"/>
      <c r="P71" s="224"/>
      <c r="Q71" s="224"/>
      <c r="R71" s="283"/>
      <c r="S71" s="224"/>
      <c r="T71" s="224"/>
      <c r="U71" s="224"/>
      <c r="V71" s="224"/>
      <c r="W71" s="224"/>
      <c r="X71" s="224"/>
      <c r="Y71" s="283"/>
      <c r="Z71" s="224"/>
      <c r="AA71" s="224"/>
      <c r="AB71" s="224"/>
      <c r="AC71" s="224"/>
      <c r="AD71" s="224"/>
      <c r="AE71" s="224"/>
      <c r="AF71" s="319"/>
      <c r="AG71" s="224"/>
      <c r="AH71" s="320"/>
    </row>
    <row r="72" spans="1:34" ht="14.1" customHeight="1">
      <c r="A72" s="245"/>
      <c r="B72" s="246"/>
      <c r="C72" s="223"/>
      <c r="D72" s="224"/>
      <c r="E72" s="223"/>
      <c r="F72" s="224"/>
      <c r="G72" s="224"/>
      <c r="H72" s="224"/>
      <c r="I72" s="283"/>
      <c r="J72" s="224"/>
      <c r="K72" s="224"/>
      <c r="L72" s="307"/>
      <c r="M72" s="224"/>
      <c r="N72" s="224"/>
      <c r="O72" s="224"/>
      <c r="P72" s="224"/>
      <c r="Q72" s="224"/>
      <c r="R72" s="283"/>
      <c r="S72" s="224"/>
      <c r="T72" s="224"/>
      <c r="U72" s="224"/>
      <c r="V72" s="224"/>
      <c r="W72" s="224"/>
      <c r="X72" s="224"/>
      <c r="Y72" s="283"/>
      <c r="Z72" s="224"/>
      <c r="AA72" s="224"/>
      <c r="AB72" s="224"/>
      <c r="AC72" s="224"/>
      <c r="AD72" s="224"/>
      <c r="AE72" s="224"/>
      <c r="AF72" s="319"/>
      <c r="AG72" s="224"/>
      <c r="AH72" s="320"/>
    </row>
    <row r="73" spans="1:34" ht="14.1" customHeight="1">
      <c r="A73" s="245"/>
      <c r="B73" s="246"/>
      <c r="C73" s="227" t="s">
        <v>392</v>
      </c>
      <c r="D73" s="228"/>
      <c r="E73" s="223"/>
      <c r="F73" s="224"/>
      <c r="G73" s="224"/>
      <c r="H73" s="224"/>
      <c r="I73" s="283"/>
      <c r="J73" s="224"/>
      <c r="K73" s="224"/>
      <c r="L73" s="307"/>
      <c r="M73" s="224"/>
      <c r="N73" s="224"/>
      <c r="O73" s="224"/>
      <c r="P73" s="224"/>
      <c r="Q73" s="224"/>
      <c r="R73" s="283"/>
      <c r="S73" s="224"/>
      <c r="T73" s="224"/>
      <c r="U73" s="224"/>
      <c r="V73" s="224"/>
      <c r="W73" s="224"/>
      <c r="X73" s="224"/>
      <c r="Y73" s="283"/>
      <c r="Z73" s="224"/>
      <c r="AA73" s="224"/>
      <c r="AB73" s="224"/>
      <c r="AC73" s="224"/>
      <c r="AD73" s="224"/>
      <c r="AE73" s="224"/>
      <c r="AF73" s="319"/>
      <c r="AG73" s="224"/>
      <c r="AH73" s="320"/>
    </row>
    <row r="74" spans="1:34" ht="14.1" customHeight="1">
      <c r="A74" s="779"/>
      <c r="B74" s="780"/>
      <c r="C74" s="220"/>
      <c r="D74" s="221"/>
      <c r="E74" s="220"/>
      <c r="F74" s="221"/>
      <c r="G74" s="221"/>
      <c r="H74" s="221"/>
      <c r="I74" s="302"/>
      <c r="J74" s="221"/>
      <c r="K74" s="221"/>
      <c r="L74" s="303"/>
      <c r="M74" s="221"/>
      <c r="N74" s="221"/>
      <c r="O74" s="221"/>
      <c r="P74" s="221"/>
      <c r="Q74" s="221"/>
      <c r="R74" s="302"/>
      <c r="S74" s="221"/>
      <c r="T74" s="221"/>
      <c r="U74" s="221"/>
      <c r="V74" s="221"/>
      <c r="W74" s="221"/>
      <c r="X74" s="221"/>
      <c r="Y74" s="302"/>
      <c r="Z74" s="221"/>
      <c r="AA74" s="221"/>
      <c r="AB74" s="221"/>
      <c r="AC74" s="221"/>
      <c r="AD74" s="221"/>
      <c r="AE74" s="221"/>
      <c r="AF74" s="315"/>
      <c r="AG74" s="221"/>
      <c r="AH74" s="316"/>
    </row>
    <row r="75" spans="1:34" ht="14.1" customHeight="1">
      <c r="A75" s="779"/>
      <c r="B75" s="780"/>
      <c r="C75" s="223"/>
      <c r="D75" s="224"/>
      <c r="E75" s="223"/>
      <c r="F75" s="224"/>
      <c r="G75" s="224"/>
      <c r="H75" s="224"/>
      <c r="I75" s="283"/>
      <c r="J75" s="224"/>
      <c r="K75" s="224"/>
      <c r="L75" s="307"/>
      <c r="M75" s="224"/>
      <c r="N75" s="224"/>
      <c r="O75" s="224"/>
      <c r="P75" s="224"/>
      <c r="Q75" s="224"/>
      <c r="R75" s="283"/>
      <c r="S75" s="224"/>
      <c r="T75" s="224"/>
      <c r="U75" s="224"/>
      <c r="V75" s="224"/>
      <c r="W75" s="224"/>
      <c r="X75" s="224"/>
      <c r="Y75" s="283"/>
      <c r="Z75" s="224"/>
      <c r="AA75" s="224"/>
      <c r="AB75" s="224"/>
      <c r="AC75" s="224"/>
      <c r="AD75" s="224"/>
      <c r="AE75" s="224"/>
      <c r="AF75" s="319"/>
      <c r="AG75" s="224"/>
      <c r="AH75" s="320"/>
    </row>
    <row r="76" spans="1:34" ht="14.1" customHeight="1">
      <c r="A76" s="777"/>
      <c r="B76" s="778"/>
      <c r="C76" s="227"/>
      <c r="D76" s="228"/>
      <c r="E76" s="227"/>
      <c r="F76" s="228"/>
      <c r="G76" s="228"/>
      <c r="H76" s="228"/>
      <c r="I76" s="281"/>
      <c r="J76" s="228"/>
      <c r="K76" s="228"/>
      <c r="L76" s="311"/>
      <c r="M76" s="228"/>
      <c r="N76" s="228"/>
      <c r="O76" s="228"/>
      <c r="P76" s="228"/>
      <c r="Q76" s="228"/>
      <c r="R76" s="281"/>
      <c r="S76" s="228"/>
      <c r="T76" s="228"/>
      <c r="U76" s="228"/>
      <c r="V76" s="228"/>
      <c r="W76" s="228"/>
      <c r="X76" s="228"/>
      <c r="Y76" s="281"/>
      <c r="Z76" s="228"/>
      <c r="AA76" s="228"/>
      <c r="AB76" s="228"/>
      <c r="AC76" s="228"/>
      <c r="AD76" s="228"/>
      <c r="AE76" s="228"/>
      <c r="AF76" s="317"/>
      <c r="AG76" s="228"/>
      <c r="AH76" s="318"/>
    </row>
    <row r="77" spans="1:34" ht="6" customHeight="1">
      <c r="E77" s="224"/>
      <c r="F77" s="224"/>
      <c r="G77" s="224"/>
      <c r="H77" s="224"/>
      <c r="I77" s="224"/>
      <c r="J77" s="224"/>
      <c r="K77" s="224"/>
      <c r="L77" s="324"/>
      <c r="M77" s="224"/>
      <c r="N77" s="224"/>
      <c r="R77" s="283"/>
      <c r="AF77" s="224"/>
      <c r="AG77" s="224"/>
      <c r="AH77" s="224"/>
    </row>
    <row r="78" spans="1:34" ht="5.45" customHeight="1"/>
    <row r="79" spans="1:34">
      <c r="A79" s="218" t="s">
        <v>403</v>
      </c>
    </row>
    <row r="80" spans="1:34">
      <c r="A80" s="218" t="s">
        <v>404</v>
      </c>
    </row>
    <row r="81" spans="1:14">
      <c r="A81" s="218" t="s">
        <v>405</v>
      </c>
    </row>
    <row r="82" spans="1:14">
      <c r="A82" s="218" t="s">
        <v>430</v>
      </c>
    </row>
    <row r="83" spans="1:14">
      <c r="A83" s="218" t="s">
        <v>431</v>
      </c>
    </row>
    <row r="84" spans="1:14">
      <c r="A84" s="218" t="s">
        <v>429</v>
      </c>
    </row>
    <row r="85" spans="1:14">
      <c r="A85" s="218" t="s">
        <v>432</v>
      </c>
    </row>
    <row r="86" spans="1:14">
      <c r="A86" s="218" t="s">
        <v>433</v>
      </c>
      <c r="N86" s="325"/>
    </row>
  </sheetData>
  <mergeCells count="16">
    <mergeCell ref="A68:B68"/>
    <mergeCell ref="A74:B74"/>
    <mergeCell ref="A75:B75"/>
    <mergeCell ref="A76:B76"/>
    <mergeCell ref="A44:B55"/>
    <mergeCell ref="A57:B57"/>
    <mergeCell ref="A59:B59"/>
    <mergeCell ref="A61:B61"/>
    <mergeCell ref="A66:B66"/>
    <mergeCell ref="A67:B67"/>
    <mergeCell ref="A35:B43"/>
    <mergeCell ref="A3:D3"/>
    <mergeCell ref="A5:D5"/>
    <mergeCell ref="A7:D7"/>
    <mergeCell ref="A8:D8"/>
    <mergeCell ref="A14:B34"/>
  </mergeCells>
  <phoneticPr fontId="1"/>
  <pageMargins left="0.70866141732283472" right="0.70866141732283472" top="0.74803149606299213" bottom="0.74803149606299213" header="0.31496062992125984" footer="0.31496062992125984"/>
  <pageSetup paperSize="9" scale="60" orientation="landscape" r:id="rId1"/>
  <headerFooter>
    <oddFooter>&amp;P / &amp;N ページ</oddFooter>
  </headerFooter>
  <rowBreaks count="1" manualBreakCount="1">
    <brk id="55"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88"/>
  <sheetViews>
    <sheetView view="pageBreakPreview" zoomScaleNormal="100" zoomScaleSheetLayoutView="100" workbookViewId="0">
      <pane xSplit="4" ySplit="4" topLeftCell="E5" activePane="bottomRight" state="frozen"/>
      <selection activeCell="K15" sqref="K15"/>
      <selection pane="topRight" activeCell="K15" sqref="K15"/>
      <selection pane="bottomLeft" activeCell="K15" sqref="K15"/>
      <selection pane="bottomRight" activeCell="K15" sqref="K15"/>
    </sheetView>
  </sheetViews>
  <sheetFormatPr defaultColWidth="4.5" defaultRowHeight="12"/>
  <cols>
    <col min="1" max="3" width="3.75" style="218" customWidth="1"/>
    <col min="4" max="4" width="6" style="218" customWidth="1"/>
    <col min="5" max="5" width="5.25" style="218" customWidth="1"/>
    <col min="6" max="29" width="6.25" style="218" customWidth="1"/>
    <col min="30" max="30" width="3.125" style="218" customWidth="1"/>
    <col min="31" max="31" width="5.625" style="218" customWidth="1"/>
    <col min="32" max="34" width="6.625" style="218" customWidth="1"/>
    <col min="35" max="251" width="4.5" style="218"/>
    <col min="252" max="254" width="3.75" style="218" customWidth="1"/>
    <col min="255" max="255" width="6" style="218" customWidth="1"/>
    <col min="256" max="275" width="4.5" style="218" customWidth="1"/>
    <col min="276" max="285" width="3.75" style="218" customWidth="1"/>
    <col min="286" max="286" width="4.875" style="218" customWidth="1"/>
    <col min="287" max="287" width="5.625" style="218" customWidth="1"/>
    <col min="288" max="290" width="6.625" style="218" customWidth="1"/>
    <col min="291" max="507" width="4.5" style="218"/>
    <col min="508" max="510" width="3.75" style="218" customWidth="1"/>
    <col min="511" max="511" width="6" style="218" customWidth="1"/>
    <col min="512" max="531" width="4.5" style="218" customWidth="1"/>
    <col min="532" max="541" width="3.75" style="218" customWidth="1"/>
    <col min="542" max="542" width="4.875" style="218" customWidth="1"/>
    <col min="543" max="543" width="5.625" style="218" customWidth="1"/>
    <col min="544" max="546" width="6.625" style="218" customWidth="1"/>
    <col min="547" max="763" width="4.5" style="218"/>
    <col min="764" max="766" width="3.75" style="218" customWidth="1"/>
    <col min="767" max="767" width="6" style="218" customWidth="1"/>
    <col min="768" max="787" width="4.5" style="218" customWidth="1"/>
    <col min="788" max="797" width="3.75" style="218" customWidth="1"/>
    <col min="798" max="798" width="4.875" style="218" customWidth="1"/>
    <col min="799" max="799" width="5.625" style="218" customWidth="1"/>
    <col min="800" max="802" width="6.625" style="218" customWidth="1"/>
    <col min="803" max="1019" width="4.5" style="218"/>
    <col min="1020" max="1022" width="3.75" style="218" customWidth="1"/>
    <col min="1023" max="1023" width="6" style="218" customWidth="1"/>
    <col min="1024" max="1043" width="4.5" style="218" customWidth="1"/>
    <col min="1044" max="1053" width="3.75" style="218" customWidth="1"/>
    <col min="1054" max="1054" width="4.875" style="218" customWidth="1"/>
    <col min="1055" max="1055" width="5.625" style="218" customWidth="1"/>
    <col min="1056" max="1058" width="6.625" style="218" customWidth="1"/>
    <col min="1059" max="1275" width="4.5" style="218"/>
    <col min="1276" max="1278" width="3.75" style="218" customWidth="1"/>
    <col min="1279" max="1279" width="6" style="218" customWidth="1"/>
    <col min="1280" max="1299" width="4.5" style="218" customWidth="1"/>
    <col min="1300" max="1309" width="3.75" style="218" customWidth="1"/>
    <col min="1310" max="1310" width="4.875" style="218" customWidth="1"/>
    <col min="1311" max="1311" width="5.625" style="218" customWidth="1"/>
    <col min="1312" max="1314" width="6.625" style="218" customWidth="1"/>
    <col min="1315" max="1531" width="4.5" style="218"/>
    <col min="1532" max="1534" width="3.75" style="218" customWidth="1"/>
    <col min="1535" max="1535" width="6" style="218" customWidth="1"/>
    <col min="1536" max="1555" width="4.5" style="218" customWidth="1"/>
    <col min="1556" max="1565" width="3.75" style="218" customWidth="1"/>
    <col min="1566" max="1566" width="4.875" style="218" customWidth="1"/>
    <col min="1567" max="1567" width="5.625" style="218" customWidth="1"/>
    <col min="1568" max="1570" width="6.625" style="218" customWidth="1"/>
    <col min="1571" max="1787" width="4.5" style="218"/>
    <col min="1788" max="1790" width="3.75" style="218" customWidth="1"/>
    <col min="1791" max="1791" width="6" style="218" customWidth="1"/>
    <col min="1792" max="1811" width="4.5" style="218" customWidth="1"/>
    <col min="1812" max="1821" width="3.75" style="218" customWidth="1"/>
    <col min="1822" max="1822" width="4.875" style="218" customWidth="1"/>
    <col min="1823" max="1823" width="5.625" style="218" customWidth="1"/>
    <col min="1824" max="1826" width="6.625" style="218" customWidth="1"/>
    <col min="1827" max="2043" width="4.5" style="218"/>
    <col min="2044" max="2046" width="3.75" style="218" customWidth="1"/>
    <col min="2047" max="2047" width="6" style="218" customWidth="1"/>
    <col min="2048" max="2067" width="4.5" style="218" customWidth="1"/>
    <col min="2068" max="2077" width="3.75" style="218" customWidth="1"/>
    <col min="2078" max="2078" width="4.875" style="218" customWidth="1"/>
    <col min="2079" max="2079" width="5.625" style="218" customWidth="1"/>
    <col min="2080" max="2082" width="6.625" style="218" customWidth="1"/>
    <col min="2083" max="2299" width="4.5" style="218"/>
    <col min="2300" max="2302" width="3.75" style="218" customWidth="1"/>
    <col min="2303" max="2303" width="6" style="218" customWidth="1"/>
    <col min="2304" max="2323" width="4.5" style="218" customWidth="1"/>
    <col min="2324" max="2333" width="3.75" style="218" customWidth="1"/>
    <col min="2334" max="2334" width="4.875" style="218" customWidth="1"/>
    <col min="2335" max="2335" width="5.625" style="218" customWidth="1"/>
    <col min="2336" max="2338" width="6.625" style="218" customWidth="1"/>
    <col min="2339" max="2555" width="4.5" style="218"/>
    <col min="2556" max="2558" width="3.75" style="218" customWidth="1"/>
    <col min="2559" max="2559" width="6" style="218" customWidth="1"/>
    <col min="2560" max="2579" width="4.5" style="218" customWidth="1"/>
    <col min="2580" max="2589" width="3.75" style="218" customWidth="1"/>
    <col min="2590" max="2590" width="4.875" style="218" customWidth="1"/>
    <col min="2591" max="2591" width="5.625" style="218" customWidth="1"/>
    <col min="2592" max="2594" width="6.625" style="218" customWidth="1"/>
    <col min="2595" max="2811" width="4.5" style="218"/>
    <col min="2812" max="2814" width="3.75" style="218" customWidth="1"/>
    <col min="2815" max="2815" width="6" style="218" customWidth="1"/>
    <col min="2816" max="2835" width="4.5" style="218" customWidth="1"/>
    <col min="2836" max="2845" width="3.75" style="218" customWidth="1"/>
    <col min="2846" max="2846" width="4.875" style="218" customWidth="1"/>
    <col min="2847" max="2847" width="5.625" style="218" customWidth="1"/>
    <col min="2848" max="2850" width="6.625" style="218" customWidth="1"/>
    <col min="2851" max="3067" width="4.5" style="218"/>
    <col min="3068" max="3070" width="3.75" style="218" customWidth="1"/>
    <col min="3071" max="3071" width="6" style="218" customWidth="1"/>
    <col min="3072" max="3091" width="4.5" style="218" customWidth="1"/>
    <col min="3092" max="3101" width="3.75" style="218" customWidth="1"/>
    <col min="3102" max="3102" width="4.875" style="218" customWidth="1"/>
    <col min="3103" max="3103" width="5.625" style="218" customWidth="1"/>
    <col min="3104" max="3106" width="6.625" style="218" customWidth="1"/>
    <col min="3107" max="3323" width="4.5" style="218"/>
    <col min="3324" max="3326" width="3.75" style="218" customWidth="1"/>
    <col min="3327" max="3327" width="6" style="218" customWidth="1"/>
    <col min="3328" max="3347" width="4.5" style="218" customWidth="1"/>
    <col min="3348" max="3357" width="3.75" style="218" customWidth="1"/>
    <col min="3358" max="3358" width="4.875" style="218" customWidth="1"/>
    <col min="3359" max="3359" width="5.625" style="218" customWidth="1"/>
    <col min="3360" max="3362" width="6.625" style="218" customWidth="1"/>
    <col min="3363" max="3579" width="4.5" style="218"/>
    <col min="3580" max="3582" width="3.75" style="218" customWidth="1"/>
    <col min="3583" max="3583" width="6" style="218" customWidth="1"/>
    <col min="3584" max="3603" width="4.5" style="218" customWidth="1"/>
    <col min="3604" max="3613" width="3.75" style="218" customWidth="1"/>
    <col min="3614" max="3614" width="4.875" style="218" customWidth="1"/>
    <col min="3615" max="3615" width="5.625" style="218" customWidth="1"/>
    <col min="3616" max="3618" width="6.625" style="218" customWidth="1"/>
    <col min="3619" max="3835" width="4.5" style="218"/>
    <col min="3836" max="3838" width="3.75" style="218" customWidth="1"/>
    <col min="3839" max="3839" width="6" style="218" customWidth="1"/>
    <col min="3840" max="3859" width="4.5" style="218" customWidth="1"/>
    <col min="3860" max="3869" width="3.75" style="218" customWidth="1"/>
    <col min="3870" max="3870" width="4.875" style="218" customWidth="1"/>
    <col min="3871" max="3871" width="5.625" style="218" customWidth="1"/>
    <col min="3872" max="3874" width="6.625" style="218" customWidth="1"/>
    <col min="3875" max="4091" width="4.5" style="218"/>
    <col min="4092" max="4094" width="3.75" style="218" customWidth="1"/>
    <col min="4095" max="4095" width="6" style="218" customWidth="1"/>
    <col min="4096" max="4115" width="4.5" style="218" customWidth="1"/>
    <col min="4116" max="4125" width="3.75" style="218" customWidth="1"/>
    <col min="4126" max="4126" width="4.875" style="218" customWidth="1"/>
    <col min="4127" max="4127" width="5.625" style="218" customWidth="1"/>
    <col min="4128" max="4130" width="6.625" style="218" customWidth="1"/>
    <col min="4131" max="4347" width="4.5" style="218"/>
    <col min="4348" max="4350" width="3.75" style="218" customWidth="1"/>
    <col min="4351" max="4351" width="6" style="218" customWidth="1"/>
    <col min="4352" max="4371" width="4.5" style="218" customWidth="1"/>
    <col min="4372" max="4381" width="3.75" style="218" customWidth="1"/>
    <col min="4382" max="4382" width="4.875" style="218" customWidth="1"/>
    <col min="4383" max="4383" width="5.625" style="218" customWidth="1"/>
    <col min="4384" max="4386" width="6.625" style="218" customWidth="1"/>
    <col min="4387" max="4603" width="4.5" style="218"/>
    <col min="4604" max="4606" width="3.75" style="218" customWidth="1"/>
    <col min="4607" max="4607" width="6" style="218" customWidth="1"/>
    <col min="4608" max="4627" width="4.5" style="218" customWidth="1"/>
    <col min="4628" max="4637" width="3.75" style="218" customWidth="1"/>
    <col min="4638" max="4638" width="4.875" style="218" customWidth="1"/>
    <col min="4639" max="4639" width="5.625" style="218" customWidth="1"/>
    <col min="4640" max="4642" width="6.625" style="218" customWidth="1"/>
    <col min="4643" max="4859" width="4.5" style="218"/>
    <col min="4860" max="4862" width="3.75" style="218" customWidth="1"/>
    <col min="4863" max="4863" width="6" style="218" customWidth="1"/>
    <col min="4864" max="4883" width="4.5" style="218" customWidth="1"/>
    <col min="4884" max="4893" width="3.75" style="218" customWidth="1"/>
    <col min="4894" max="4894" width="4.875" style="218" customWidth="1"/>
    <col min="4895" max="4895" width="5.625" style="218" customWidth="1"/>
    <col min="4896" max="4898" width="6.625" style="218" customWidth="1"/>
    <col min="4899" max="5115" width="4.5" style="218"/>
    <col min="5116" max="5118" width="3.75" style="218" customWidth="1"/>
    <col min="5119" max="5119" width="6" style="218" customWidth="1"/>
    <col min="5120" max="5139" width="4.5" style="218" customWidth="1"/>
    <col min="5140" max="5149" width="3.75" style="218" customWidth="1"/>
    <col min="5150" max="5150" width="4.875" style="218" customWidth="1"/>
    <col min="5151" max="5151" width="5.625" style="218" customWidth="1"/>
    <col min="5152" max="5154" width="6.625" style="218" customWidth="1"/>
    <col min="5155" max="5371" width="4.5" style="218"/>
    <col min="5372" max="5374" width="3.75" style="218" customWidth="1"/>
    <col min="5375" max="5375" width="6" style="218" customWidth="1"/>
    <col min="5376" max="5395" width="4.5" style="218" customWidth="1"/>
    <col min="5396" max="5405" width="3.75" style="218" customWidth="1"/>
    <col min="5406" max="5406" width="4.875" style="218" customWidth="1"/>
    <col min="5407" max="5407" width="5.625" style="218" customWidth="1"/>
    <col min="5408" max="5410" width="6.625" style="218" customWidth="1"/>
    <col min="5411" max="5627" width="4.5" style="218"/>
    <col min="5628" max="5630" width="3.75" style="218" customWidth="1"/>
    <col min="5631" max="5631" width="6" style="218" customWidth="1"/>
    <col min="5632" max="5651" width="4.5" style="218" customWidth="1"/>
    <col min="5652" max="5661" width="3.75" style="218" customWidth="1"/>
    <col min="5662" max="5662" width="4.875" style="218" customWidth="1"/>
    <col min="5663" max="5663" width="5.625" style="218" customWidth="1"/>
    <col min="5664" max="5666" width="6.625" style="218" customWidth="1"/>
    <col min="5667" max="5883" width="4.5" style="218"/>
    <col min="5884" max="5886" width="3.75" style="218" customWidth="1"/>
    <col min="5887" max="5887" width="6" style="218" customWidth="1"/>
    <col min="5888" max="5907" width="4.5" style="218" customWidth="1"/>
    <col min="5908" max="5917" width="3.75" style="218" customWidth="1"/>
    <col min="5918" max="5918" width="4.875" style="218" customWidth="1"/>
    <col min="5919" max="5919" width="5.625" style="218" customWidth="1"/>
    <col min="5920" max="5922" width="6.625" style="218" customWidth="1"/>
    <col min="5923" max="6139" width="4.5" style="218"/>
    <col min="6140" max="6142" width="3.75" style="218" customWidth="1"/>
    <col min="6143" max="6143" width="6" style="218" customWidth="1"/>
    <col min="6144" max="6163" width="4.5" style="218" customWidth="1"/>
    <col min="6164" max="6173" width="3.75" style="218" customWidth="1"/>
    <col min="6174" max="6174" width="4.875" style="218" customWidth="1"/>
    <col min="6175" max="6175" width="5.625" style="218" customWidth="1"/>
    <col min="6176" max="6178" width="6.625" style="218" customWidth="1"/>
    <col min="6179" max="6395" width="4.5" style="218"/>
    <col min="6396" max="6398" width="3.75" style="218" customWidth="1"/>
    <col min="6399" max="6399" width="6" style="218" customWidth="1"/>
    <col min="6400" max="6419" width="4.5" style="218" customWidth="1"/>
    <col min="6420" max="6429" width="3.75" style="218" customWidth="1"/>
    <col min="6430" max="6430" width="4.875" style="218" customWidth="1"/>
    <col min="6431" max="6431" width="5.625" style="218" customWidth="1"/>
    <col min="6432" max="6434" width="6.625" style="218" customWidth="1"/>
    <col min="6435" max="6651" width="4.5" style="218"/>
    <col min="6652" max="6654" width="3.75" style="218" customWidth="1"/>
    <col min="6655" max="6655" width="6" style="218" customWidth="1"/>
    <col min="6656" max="6675" width="4.5" style="218" customWidth="1"/>
    <col min="6676" max="6685" width="3.75" style="218" customWidth="1"/>
    <col min="6686" max="6686" width="4.875" style="218" customWidth="1"/>
    <col min="6687" max="6687" width="5.625" style="218" customWidth="1"/>
    <col min="6688" max="6690" width="6.625" style="218" customWidth="1"/>
    <col min="6691" max="6907" width="4.5" style="218"/>
    <col min="6908" max="6910" width="3.75" style="218" customWidth="1"/>
    <col min="6911" max="6911" width="6" style="218" customWidth="1"/>
    <col min="6912" max="6931" width="4.5" style="218" customWidth="1"/>
    <col min="6932" max="6941" width="3.75" style="218" customWidth="1"/>
    <col min="6942" max="6942" width="4.875" style="218" customWidth="1"/>
    <col min="6943" max="6943" width="5.625" style="218" customWidth="1"/>
    <col min="6944" max="6946" width="6.625" style="218" customWidth="1"/>
    <col min="6947" max="7163" width="4.5" style="218"/>
    <col min="7164" max="7166" width="3.75" style="218" customWidth="1"/>
    <col min="7167" max="7167" width="6" style="218" customWidth="1"/>
    <col min="7168" max="7187" width="4.5" style="218" customWidth="1"/>
    <col min="7188" max="7197" width="3.75" style="218" customWidth="1"/>
    <col min="7198" max="7198" width="4.875" style="218" customWidth="1"/>
    <col min="7199" max="7199" width="5.625" style="218" customWidth="1"/>
    <col min="7200" max="7202" width="6.625" style="218" customWidth="1"/>
    <col min="7203" max="7419" width="4.5" style="218"/>
    <col min="7420" max="7422" width="3.75" style="218" customWidth="1"/>
    <col min="7423" max="7423" width="6" style="218" customWidth="1"/>
    <col min="7424" max="7443" width="4.5" style="218" customWidth="1"/>
    <col min="7444" max="7453" width="3.75" style="218" customWidth="1"/>
    <col min="7454" max="7454" width="4.875" style="218" customWidth="1"/>
    <col min="7455" max="7455" width="5.625" style="218" customWidth="1"/>
    <col min="7456" max="7458" width="6.625" style="218" customWidth="1"/>
    <col min="7459" max="7675" width="4.5" style="218"/>
    <col min="7676" max="7678" width="3.75" style="218" customWidth="1"/>
    <col min="7679" max="7679" width="6" style="218" customWidth="1"/>
    <col min="7680" max="7699" width="4.5" style="218" customWidth="1"/>
    <col min="7700" max="7709" width="3.75" style="218" customWidth="1"/>
    <col min="7710" max="7710" width="4.875" style="218" customWidth="1"/>
    <col min="7711" max="7711" width="5.625" style="218" customWidth="1"/>
    <col min="7712" max="7714" width="6.625" style="218" customWidth="1"/>
    <col min="7715" max="7931" width="4.5" style="218"/>
    <col min="7932" max="7934" width="3.75" style="218" customWidth="1"/>
    <col min="7935" max="7935" width="6" style="218" customWidth="1"/>
    <col min="7936" max="7955" width="4.5" style="218" customWidth="1"/>
    <col min="7956" max="7965" width="3.75" style="218" customWidth="1"/>
    <col min="7966" max="7966" width="4.875" style="218" customWidth="1"/>
    <col min="7967" max="7967" width="5.625" style="218" customWidth="1"/>
    <col min="7968" max="7970" width="6.625" style="218" customWidth="1"/>
    <col min="7971" max="8187" width="4.5" style="218"/>
    <col min="8188" max="8190" width="3.75" style="218" customWidth="1"/>
    <col min="8191" max="8191" width="6" style="218" customWidth="1"/>
    <col min="8192" max="8211" width="4.5" style="218" customWidth="1"/>
    <col min="8212" max="8221" width="3.75" style="218" customWidth="1"/>
    <col min="8222" max="8222" width="4.875" style="218" customWidth="1"/>
    <col min="8223" max="8223" width="5.625" style="218" customWidth="1"/>
    <col min="8224" max="8226" width="6.625" style="218" customWidth="1"/>
    <col min="8227" max="8443" width="4.5" style="218"/>
    <col min="8444" max="8446" width="3.75" style="218" customWidth="1"/>
    <col min="8447" max="8447" width="6" style="218" customWidth="1"/>
    <col min="8448" max="8467" width="4.5" style="218" customWidth="1"/>
    <col min="8468" max="8477" width="3.75" style="218" customWidth="1"/>
    <col min="8478" max="8478" width="4.875" style="218" customWidth="1"/>
    <col min="8479" max="8479" width="5.625" style="218" customWidth="1"/>
    <col min="8480" max="8482" width="6.625" style="218" customWidth="1"/>
    <col min="8483" max="8699" width="4.5" style="218"/>
    <col min="8700" max="8702" width="3.75" style="218" customWidth="1"/>
    <col min="8703" max="8703" width="6" style="218" customWidth="1"/>
    <col min="8704" max="8723" width="4.5" style="218" customWidth="1"/>
    <col min="8724" max="8733" width="3.75" style="218" customWidth="1"/>
    <col min="8734" max="8734" width="4.875" style="218" customWidth="1"/>
    <col min="8735" max="8735" width="5.625" style="218" customWidth="1"/>
    <col min="8736" max="8738" width="6.625" style="218" customWidth="1"/>
    <col min="8739" max="8955" width="4.5" style="218"/>
    <col min="8956" max="8958" width="3.75" style="218" customWidth="1"/>
    <col min="8959" max="8959" width="6" style="218" customWidth="1"/>
    <col min="8960" max="8979" width="4.5" style="218" customWidth="1"/>
    <col min="8980" max="8989" width="3.75" style="218" customWidth="1"/>
    <col min="8990" max="8990" width="4.875" style="218" customWidth="1"/>
    <col min="8991" max="8991" width="5.625" style="218" customWidth="1"/>
    <col min="8992" max="8994" width="6.625" style="218" customWidth="1"/>
    <col min="8995" max="9211" width="4.5" style="218"/>
    <col min="9212" max="9214" width="3.75" style="218" customWidth="1"/>
    <col min="9215" max="9215" width="6" style="218" customWidth="1"/>
    <col min="9216" max="9235" width="4.5" style="218" customWidth="1"/>
    <col min="9236" max="9245" width="3.75" style="218" customWidth="1"/>
    <col min="9246" max="9246" width="4.875" style="218" customWidth="1"/>
    <col min="9247" max="9247" width="5.625" style="218" customWidth="1"/>
    <col min="9248" max="9250" width="6.625" style="218" customWidth="1"/>
    <col min="9251" max="9467" width="4.5" style="218"/>
    <col min="9468" max="9470" width="3.75" style="218" customWidth="1"/>
    <col min="9471" max="9471" width="6" style="218" customWidth="1"/>
    <col min="9472" max="9491" width="4.5" style="218" customWidth="1"/>
    <col min="9492" max="9501" width="3.75" style="218" customWidth="1"/>
    <col min="9502" max="9502" width="4.875" style="218" customWidth="1"/>
    <col min="9503" max="9503" width="5.625" style="218" customWidth="1"/>
    <col min="9504" max="9506" width="6.625" style="218" customWidth="1"/>
    <col min="9507" max="9723" width="4.5" style="218"/>
    <col min="9724" max="9726" width="3.75" style="218" customWidth="1"/>
    <col min="9727" max="9727" width="6" style="218" customWidth="1"/>
    <col min="9728" max="9747" width="4.5" style="218" customWidth="1"/>
    <col min="9748" max="9757" width="3.75" style="218" customWidth="1"/>
    <col min="9758" max="9758" width="4.875" style="218" customWidth="1"/>
    <col min="9759" max="9759" width="5.625" style="218" customWidth="1"/>
    <col min="9760" max="9762" width="6.625" style="218" customWidth="1"/>
    <col min="9763" max="9979" width="4.5" style="218"/>
    <col min="9980" max="9982" width="3.75" style="218" customWidth="1"/>
    <col min="9983" max="9983" width="6" style="218" customWidth="1"/>
    <col min="9984" max="10003" width="4.5" style="218" customWidth="1"/>
    <col min="10004" max="10013" width="3.75" style="218" customWidth="1"/>
    <col min="10014" max="10014" width="4.875" style="218" customWidth="1"/>
    <col min="10015" max="10015" width="5.625" style="218" customWidth="1"/>
    <col min="10016" max="10018" width="6.625" style="218" customWidth="1"/>
    <col min="10019" max="10235" width="4.5" style="218"/>
    <col min="10236" max="10238" width="3.75" style="218" customWidth="1"/>
    <col min="10239" max="10239" width="6" style="218" customWidth="1"/>
    <col min="10240" max="10259" width="4.5" style="218" customWidth="1"/>
    <col min="10260" max="10269" width="3.75" style="218" customWidth="1"/>
    <col min="10270" max="10270" width="4.875" style="218" customWidth="1"/>
    <col min="10271" max="10271" width="5.625" style="218" customWidth="1"/>
    <col min="10272" max="10274" width="6.625" style="218" customWidth="1"/>
    <col min="10275" max="10491" width="4.5" style="218"/>
    <col min="10492" max="10494" width="3.75" style="218" customWidth="1"/>
    <col min="10495" max="10495" width="6" style="218" customWidth="1"/>
    <col min="10496" max="10515" width="4.5" style="218" customWidth="1"/>
    <col min="10516" max="10525" width="3.75" style="218" customWidth="1"/>
    <col min="10526" max="10526" width="4.875" style="218" customWidth="1"/>
    <col min="10527" max="10527" width="5.625" style="218" customWidth="1"/>
    <col min="10528" max="10530" width="6.625" style="218" customWidth="1"/>
    <col min="10531" max="10747" width="4.5" style="218"/>
    <col min="10748" max="10750" width="3.75" style="218" customWidth="1"/>
    <col min="10751" max="10751" width="6" style="218" customWidth="1"/>
    <col min="10752" max="10771" width="4.5" style="218" customWidth="1"/>
    <col min="10772" max="10781" width="3.75" style="218" customWidth="1"/>
    <col min="10782" max="10782" width="4.875" style="218" customWidth="1"/>
    <col min="10783" max="10783" width="5.625" style="218" customWidth="1"/>
    <col min="10784" max="10786" width="6.625" style="218" customWidth="1"/>
    <col min="10787" max="11003" width="4.5" style="218"/>
    <col min="11004" max="11006" width="3.75" style="218" customWidth="1"/>
    <col min="11007" max="11007" width="6" style="218" customWidth="1"/>
    <col min="11008" max="11027" width="4.5" style="218" customWidth="1"/>
    <col min="11028" max="11037" width="3.75" style="218" customWidth="1"/>
    <col min="11038" max="11038" width="4.875" style="218" customWidth="1"/>
    <col min="11039" max="11039" width="5.625" style="218" customWidth="1"/>
    <col min="11040" max="11042" width="6.625" style="218" customWidth="1"/>
    <col min="11043" max="11259" width="4.5" style="218"/>
    <col min="11260" max="11262" width="3.75" style="218" customWidth="1"/>
    <col min="11263" max="11263" width="6" style="218" customWidth="1"/>
    <col min="11264" max="11283" width="4.5" style="218" customWidth="1"/>
    <col min="11284" max="11293" width="3.75" style="218" customWidth="1"/>
    <col min="11294" max="11294" width="4.875" style="218" customWidth="1"/>
    <col min="11295" max="11295" width="5.625" style="218" customWidth="1"/>
    <col min="11296" max="11298" width="6.625" style="218" customWidth="1"/>
    <col min="11299" max="11515" width="4.5" style="218"/>
    <col min="11516" max="11518" width="3.75" style="218" customWidth="1"/>
    <col min="11519" max="11519" width="6" style="218" customWidth="1"/>
    <col min="11520" max="11539" width="4.5" style="218" customWidth="1"/>
    <col min="11540" max="11549" width="3.75" style="218" customWidth="1"/>
    <col min="11550" max="11550" width="4.875" style="218" customWidth="1"/>
    <col min="11551" max="11551" width="5.625" style="218" customWidth="1"/>
    <col min="11552" max="11554" width="6.625" style="218" customWidth="1"/>
    <col min="11555" max="11771" width="4.5" style="218"/>
    <col min="11772" max="11774" width="3.75" style="218" customWidth="1"/>
    <col min="11775" max="11775" width="6" style="218" customWidth="1"/>
    <col min="11776" max="11795" width="4.5" style="218" customWidth="1"/>
    <col min="11796" max="11805" width="3.75" style="218" customWidth="1"/>
    <col min="11806" max="11806" width="4.875" style="218" customWidth="1"/>
    <col min="11807" max="11807" width="5.625" style="218" customWidth="1"/>
    <col min="11808" max="11810" width="6.625" style="218" customWidth="1"/>
    <col min="11811" max="12027" width="4.5" style="218"/>
    <col min="12028" max="12030" width="3.75" style="218" customWidth="1"/>
    <col min="12031" max="12031" width="6" style="218" customWidth="1"/>
    <col min="12032" max="12051" width="4.5" style="218" customWidth="1"/>
    <col min="12052" max="12061" width="3.75" style="218" customWidth="1"/>
    <col min="12062" max="12062" width="4.875" style="218" customWidth="1"/>
    <col min="12063" max="12063" width="5.625" style="218" customWidth="1"/>
    <col min="12064" max="12066" width="6.625" style="218" customWidth="1"/>
    <col min="12067" max="12283" width="4.5" style="218"/>
    <col min="12284" max="12286" width="3.75" style="218" customWidth="1"/>
    <col min="12287" max="12287" width="6" style="218" customWidth="1"/>
    <col min="12288" max="12307" width="4.5" style="218" customWidth="1"/>
    <col min="12308" max="12317" width="3.75" style="218" customWidth="1"/>
    <col min="12318" max="12318" width="4.875" style="218" customWidth="1"/>
    <col min="12319" max="12319" width="5.625" style="218" customWidth="1"/>
    <col min="12320" max="12322" width="6.625" style="218" customWidth="1"/>
    <col min="12323" max="12539" width="4.5" style="218"/>
    <col min="12540" max="12542" width="3.75" style="218" customWidth="1"/>
    <col min="12543" max="12543" width="6" style="218" customWidth="1"/>
    <col min="12544" max="12563" width="4.5" style="218" customWidth="1"/>
    <col min="12564" max="12573" width="3.75" style="218" customWidth="1"/>
    <col min="12574" max="12574" width="4.875" style="218" customWidth="1"/>
    <col min="12575" max="12575" width="5.625" style="218" customWidth="1"/>
    <col min="12576" max="12578" width="6.625" style="218" customWidth="1"/>
    <col min="12579" max="12795" width="4.5" style="218"/>
    <col min="12796" max="12798" width="3.75" style="218" customWidth="1"/>
    <col min="12799" max="12799" width="6" style="218" customWidth="1"/>
    <col min="12800" max="12819" width="4.5" style="218" customWidth="1"/>
    <col min="12820" max="12829" width="3.75" style="218" customWidth="1"/>
    <col min="12830" max="12830" width="4.875" style="218" customWidth="1"/>
    <col min="12831" max="12831" width="5.625" style="218" customWidth="1"/>
    <col min="12832" max="12834" width="6.625" style="218" customWidth="1"/>
    <col min="12835" max="13051" width="4.5" style="218"/>
    <col min="13052" max="13054" width="3.75" style="218" customWidth="1"/>
    <col min="13055" max="13055" width="6" style="218" customWidth="1"/>
    <col min="13056" max="13075" width="4.5" style="218" customWidth="1"/>
    <col min="13076" max="13085" width="3.75" style="218" customWidth="1"/>
    <col min="13086" max="13086" width="4.875" style="218" customWidth="1"/>
    <col min="13087" max="13087" width="5.625" style="218" customWidth="1"/>
    <col min="13088" max="13090" width="6.625" style="218" customWidth="1"/>
    <col min="13091" max="13307" width="4.5" style="218"/>
    <col min="13308" max="13310" width="3.75" style="218" customWidth="1"/>
    <col min="13311" max="13311" width="6" style="218" customWidth="1"/>
    <col min="13312" max="13331" width="4.5" style="218" customWidth="1"/>
    <col min="13332" max="13341" width="3.75" style="218" customWidth="1"/>
    <col min="13342" max="13342" width="4.875" style="218" customWidth="1"/>
    <col min="13343" max="13343" width="5.625" style="218" customWidth="1"/>
    <col min="13344" max="13346" width="6.625" style="218" customWidth="1"/>
    <col min="13347" max="13563" width="4.5" style="218"/>
    <col min="13564" max="13566" width="3.75" style="218" customWidth="1"/>
    <col min="13567" max="13567" width="6" style="218" customWidth="1"/>
    <col min="13568" max="13587" width="4.5" style="218" customWidth="1"/>
    <col min="13588" max="13597" width="3.75" style="218" customWidth="1"/>
    <col min="13598" max="13598" width="4.875" style="218" customWidth="1"/>
    <col min="13599" max="13599" width="5.625" style="218" customWidth="1"/>
    <col min="13600" max="13602" width="6.625" style="218" customWidth="1"/>
    <col min="13603" max="13819" width="4.5" style="218"/>
    <col min="13820" max="13822" width="3.75" style="218" customWidth="1"/>
    <col min="13823" max="13823" width="6" style="218" customWidth="1"/>
    <col min="13824" max="13843" width="4.5" style="218" customWidth="1"/>
    <col min="13844" max="13853" width="3.75" style="218" customWidth="1"/>
    <col min="13854" max="13854" width="4.875" style="218" customWidth="1"/>
    <col min="13855" max="13855" width="5.625" style="218" customWidth="1"/>
    <col min="13856" max="13858" width="6.625" style="218" customWidth="1"/>
    <col min="13859" max="14075" width="4.5" style="218"/>
    <col min="14076" max="14078" width="3.75" style="218" customWidth="1"/>
    <col min="14079" max="14079" width="6" style="218" customWidth="1"/>
    <col min="14080" max="14099" width="4.5" style="218" customWidth="1"/>
    <col min="14100" max="14109" width="3.75" style="218" customWidth="1"/>
    <col min="14110" max="14110" width="4.875" style="218" customWidth="1"/>
    <col min="14111" max="14111" width="5.625" style="218" customWidth="1"/>
    <col min="14112" max="14114" width="6.625" style="218" customWidth="1"/>
    <col min="14115" max="14331" width="4.5" style="218"/>
    <col min="14332" max="14334" width="3.75" style="218" customWidth="1"/>
    <col min="14335" max="14335" width="6" style="218" customWidth="1"/>
    <col min="14336" max="14355" width="4.5" style="218" customWidth="1"/>
    <col min="14356" max="14365" width="3.75" style="218" customWidth="1"/>
    <col min="14366" max="14366" width="4.875" style="218" customWidth="1"/>
    <col min="14367" max="14367" width="5.625" style="218" customWidth="1"/>
    <col min="14368" max="14370" width="6.625" style="218" customWidth="1"/>
    <col min="14371" max="14587" width="4.5" style="218"/>
    <col min="14588" max="14590" width="3.75" style="218" customWidth="1"/>
    <col min="14591" max="14591" width="6" style="218" customWidth="1"/>
    <col min="14592" max="14611" width="4.5" style="218" customWidth="1"/>
    <col min="14612" max="14621" width="3.75" style="218" customWidth="1"/>
    <col min="14622" max="14622" width="4.875" style="218" customWidth="1"/>
    <col min="14623" max="14623" width="5.625" style="218" customWidth="1"/>
    <col min="14624" max="14626" width="6.625" style="218" customWidth="1"/>
    <col min="14627" max="14843" width="4.5" style="218"/>
    <col min="14844" max="14846" width="3.75" style="218" customWidth="1"/>
    <col min="14847" max="14847" width="6" style="218" customWidth="1"/>
    <col min="14848" max="14867" width="4.5" style="218" customWidth="1"/>
    <col min="14868" max="14877" width="3.75" style="218" customWidth="1"/>
    <col min="14878" max="14878" width="4.875" style="218" customWidth="1"/>
    <col min="14879" max="14879" width="5.625" style="218" customWidth="1"/>
    <col min="14880" max="14882" width="6.625" style="218" customWidth="1"/>
    <col min="14883" max="15099" width="4.5" style="218"/>
    <col min="15100" max="15102" width="3.75" style="218" customWidth="1"/>
    <col min="15103" max="15103" width="6" style="218" customWidth="1"/>
    <col min="15104" max="15123" width="4.5" style="218" customWidth="1"/>
    <col min="15124" max="15133" width="3.75" style="218" customWidth="1"/>
    <col min="15134" max="15134" width="4.875" style="218" customWidth="1"/>
    <col min="15135" max="15135" width="5.625" style="218" customWidth="1"/>
    <col min="15136" max="15138" width="6.625" style="218" customWidth="1"/>
    <col min="15139" max="15355" width="4.5" style="218"/>
    <col min="15356" max="15358" width="3.75" style="218" customWidth="1"/>
    <col min="15359" max="15359" width="6" style="218" customWidth="1"/>
    <col min="15360" max="15379" width="4.5" style="218" customWidth="1"/>
    <col min="15380" max="15389" width="3.75" style="218" customWidth="1"/>
    <col min="15390" max="15390" width="4.875" style="218" customWidth="1"/>
    <col min="15391" max="15391" width="5.625" style="218" customWidth="1"/>
    <col min="15392" max="15394" width="6.625" style="218" customWidth="1"/>
    <col min="15395" max="15611" width="4.5" style="218"/>
    <col min="15612" max="15614" width="3.75" style="218" customWidth="1"/>
    <col min="15615" max="15615" width="6" style="218" customWidth="1"/>
    <col min="15616" max="15635" width="4.5" style="218" customWidth="1"/>
    <col min="15636" max="15645" width="3.75" style="218" customWidth="1"/>
    <col min="15646" max="15646" width="4.875" style="218" customWidth="1"/>
    <col min="15647" max="15647" width="5.625" style="218" customWidth="1"/>
    <col min="15648" max="15650" width="6.625" style="218" customWidth="1"/>
    <col min="15651" max="15867" width="4.5" style="218"/>
    <col min="15868" max="15870" width="3.75" style="218" customWidth="1"/>
    <col min="15871" max="15871" width="6" style="218" customWidth="1"/>
    <col min="15872" max="15891" width="4.5" style="218" customWidth="1"/>
    <col min="15892" max="15901" width="3.75" style="218" customWidth="1"/>
    <col min="15902" max="15902" width="4.875" style="218" customWidth="1"/>
    <col min="15903" max="15903" width="5.625" style="218" customWidth="1"/>
    <col min="15904" max="15906" width="6.625" style="218" customWidth="1"/>
    <col min="15907" max="16123" width="4.5" style="218"/>
    <col min="16124" max="16126" width="3.75" style="218" customWidth="1"/>
    <col min="16127" max="16127" width="6" style="218" customWidth="1"/>
    <col min="16128" max="16147" width="4.5" style="218" customWidth="1"/>
    <col min="16148" max="16157" width="3.75" style="218" customWidth="1"/>
    <col min="16158" max="16158" width="4.875" style="218" customWidth="1"/>
    <col min="16159" max="16159" width="5.625" style="218" customWidth="1"/>
    <col min="16160" max="16162" width="6.625" style="218" customWidth="1"/>
    <col min="16163" max="16384" width="4.5" style="218"/>
  </cols>
  <sheetData>
    <row r="1" spans="1:35">
      <c r="A1" s="218" t="s">
        <v>378</v>
      </c>
    </row>
    <row r="3" spans="1:35" ht="18" thickBot="1">
      <c r="A3" s="224" t="s">
        <v>497</v>
      </c>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row>
    <row r="4" spans="1:35">
      <c r="A4" s="787" t="s">
        <v>379</v>
      </c>
      <c r="B4" s="788"/>
      <c r="C4" s="788"/>
      <c r="D4" s="789"/>
      <c r="E4" s="296"/>
      <c r="F4" s="297">
        <v>0.25</v>
      </c>
      <c r="G4" s="297">
        <v>0.29166666666666669</v>
      </c>
      <c r="H4" s="297">
        <v>0.33333333333333298</v>
      </c>
      <c r="I4" s="297">
        <v>0.375</v>
      </c>
      <c r="J4" s="297">
        <v>0.41666666666666702</v>
      </c>
      <c r="K4" s="297">
        <v>0.45833333333333298</v>
      </c>
      <c r="L4" s="297">
        <v>0.5</v>
      </c>
      <c r="M4" s="297">
        <v>0.54166666666666696</v>
      </c>
      <c r="N4" s="297">
        <v>0.58333333333333304</v>
      </c>
      <c r="O4" s="297">
        <v>0.625</v>
      </c>
      <c r="P4" s="297">
        <v>0.66666666666666696</v>
      </c>
      <c r="Q4" s="297">
        <v>0.70833333333333404</v>
      </c>
      <c r="R4" s="297">
        <v>0.75</v>
      </c>
      <c r="S4" s="297">
        <v>0.79166666666666696</v>
      </c>
      <c r="T4" s="297">
        <v>0.83333333333333404</v>
      </c>
      <c r="U4" s="297">
        <v>0.875</v>
      </c>
      <c r="V4" s="297">
        <v>0.91666666666666696</v>
      </c>
      <c r="W4" s="297">
        <v>0.95833333333333404</v>
      </c>
      <c r="X4" s="297">
        <v>1</v>
      </c>
      <c r="Y4" s="297">
        <v>4.1666666666666664E-2</v>
      </c>
      <c r="Z4" s="297">
        <v>8.3333333333333301E-2</v>
      </c>
      <c r="AA4" s="297">
        <v>0.125</v>
      </c>
      <c r="AB4" s="297">
        <v>0.16666666666666699</v>
      </c>
      <c r="AC4" s="297">
        <v>0.20833333333333301</v>
      </c>
      <c r="AD4" s="298"/>
      <c r="AE4" s="298"/>
      <c r="AF4" s="299"/>
      <c r="AG4" s="299"/>
      <c r="AH4" s="300"/>
      <c r="AI4" s="224"/>
    </row>
    <row r="5" spans="1:35" ht="14.25" customHeight="1">
      <c r="A5" s="229"/>
      <c r="B5" s="224"/>
      <c r="C5" s="224"/>
      <c r="D5" s="301"/>
      <c r="E5" s="220"/>
      <c r="F5" s="221"/>
      <c r="G5" s="221"/>
      <c r="H5" s="221"/>
      <c r="I5" s="302"/>
      <c r="J5" s="221"/>
      <c r="K5" s="221"/>
      <c r="L5" s="303"/>
      <c r="M5" s="221"/>
      <c r="N5" s="221"/>
      <c r="O5" s="221"/>
      <c r="P5" s="221"/>
      <c r="Q5" s="221"/>
      <c r="R5" s="304" t="s">
        <v>436</v>
      </c>
      <c r="S5" s="305" t="s">
        <v>437</v>
      </c>
      <c r="T5" s="221"/>
      <c r="U5" s="221"/>
      <c r="V5" s="221"/>
      <c r="W5" s="221"/>
      <c r="X5" s="221"/>
      <c r="Y5" s="302"/>
      <c r="Z5" s="221"/>
      <c r="AA5" s="221"/>
      <c r="AB5" s="221"/>
      <c r="AC5" s="221"/>
      <c r="AD5" s="221"/>
      <c r="AE5" s="221" t="s">
        <v>380</v>
      </c>
      <c r="AF5" s="221" t="s">
        <v>381</v>
      </c>
      <c r="AG5" s="221"/>
      <c r="AH5" s="306"/>
      <c r="AI5" s="224"/>
    </row>
    <row r="6" spans="1:35">
      <c r="A6" s="779" t="s">
        <v>382</v>
      </c>
      <c r="B6" s="790"/>
      <c r="C6" s="790"/>
      <c r="D6" s="780"/>
      <c r="E6" s="223"/>
      <c r="F6" s="224"/>
      <c r="G6" s="224"/>
      <c r="H6" s="224" t="s">
        <v>415</v>
      </c>
      <c r="I6" s="283"/>
      <c r="J6" s="224" t="s">
        <v>428</v>
      </c>
      <c r="K6" s="224"/>
      <c r="L6" s="307" t="s">
        <v>416</v>
      </c>
      <c r="M6" s="224" t="s">
        <v>417</v>
      </c>
      <c r="N6" s="224"/>
      <c r="O6" s="224" t="s">
        <v>434</v>
      </c>
      <c r="P6" s="224" t="s">
        <v>435</v>
      </c>
      <c r="Q6" s="224"/>
      <c r="R6" s="283"/>
      <c r="S6" s="224"/>
      <c r="T6" s="224"/>
      <c r="U6" s="224"/>
      <c r="V6" s="224"/>
      <c r="W6" s="224"/>
      <c r="X6" s="224"/>
      <c r="Y6" s="283"/>
      <c r="Z6" s="224"/>
      <c r="AA6" s="224"/>
      <c r="AB6" s="224"/>
      <c r="AC6" s="224"/>
      <c r="AD6" s="224"/>
      <c r="AE6" s="224"/>
      <c r="AF6" s="224" t="s">
        <v>383</v>
      </c>
      <c r="AG6" s="224"/>
      <c r="AH6" s="308"/>
      <c r="AI6" s="224"/>
    </row>
    <row r="7" spans="1:35">
      <c r="A7" s="309"/>
      <c r="B7" s="228"/>
      <c r="C7" s="228"/>
      <c r="D7" s="310"/>
      <c r="E7" s="227"/>
      <c r="F7" s="228"/>
      <c r="G7" s="228"/>
      <c r="H7" s="228"/>
      <c r="I7" s="281"/>
      <c r="J7" s="228"/>
      <c r="K7" s="228"/>
      <c r="L7" s="311"/>
      <c r="M7" s="228"/>
      <c r="N7" s="228"/>
      <c r="O7" s="228"/>
      <c r="P7" s="228"/>
      <c r="Q7" s="228"/>
      <c r="R7" s="281"/>
      <c r="S7" s="228"/>
      <c r="T7" s="228"/>
      <c r="U7" s="228"/>
      <c r="V7" s="228"/>
      <c r="W7" s="228"/>
      <c r="X7" s="228"/>
      <c r="Y7" s="281"/>
      <c r="Z7" s="228"/>
      <c r="AA7" s="228"/>
      <c r="AB7" s="228"/>
      <c r="AC7" s="228"/>
      <c r="AD7" s="228"/>
      <c r="AE7" s="228"/>
      <c r="AF7" s="224" t="s">
        <v>384</v>
      </c>
      <c r="AG7" s="228"/>
      <c r="AH7" s="312"/>
      <c r="AI7" s="224"/>
    </row>
    <row r="8" spans="1:35">
      <c r="A8" s="791" t="s">
        <v>385</v>
      </c>
      <c r="B8" s="792"/>
      <c r="C8" s="792"/>
      <c r="D8" s="793"/>
      <c r="E8" s="220" t="s">
        <v>386</v>
      </c>
      <c r="F8" s="221"/>
      <c r="G8" s="313">
        <v>6</v>
      </c>
      <c r="H8" s="313">
        <v>23</v>
      </c>
      <c r="I8" s="314">
        <v>79</v>
      </c>
      <c r="J8" s="313">
        <v>100</v>
      </c>
      <c r="K8" s="221"/>
      <c r="L8" s="303"/>
      <c r="M8" s="221"/>
      <c r="N8" s="221"/>
      <c r="O8" s="221">
        <v>90</v>
      </c>
      <c r="P8" s="221">
        <v>80</v>
      </c>
      <c r="Q8" s="221">
        <v>51</v>
      </c>
      <c r="R8" s="302">
        <v>6</v>
      </c>
      <c r="S8" s="221"/>
      <c r="T8" s="221"/>
      <c r="U8" s="221"/>
      <c r="V8" s="221"/>
      <c r="W8" s="221"/>
      <c r="X8" s="221"/>
      <c r="Y8" s="302"/>
      <c r="Z8" s="221"/>
      <c r="AA8" s="221"/>
      <c r="AB8" s="221"/>
      <c r="AC8" s="221"/>
      <c r="AD8" s="221"/>
      <c r="AE8" s="221"/>
      <c r="AF8" s="315" t="s">
        <v>387</v>
      </c>
      <c r="AG8" s="221" t="s">
        <v>388</v>
      </c>
      <c r="AH8" s="316" t="s">
        <v>389</v>
      </c>
      <c r="AI8" s="224"/>
    </row>
    <row r="9" spans="1:35">
      <c r="A9" s="777" t="s">
        <v>498</v>
      </c>
      <c r="B9" s="794"/>
      <c r="C9" s="794"/>
      <c r="D9" s="778"/>
      <c r="E9" s="227"/>
      <c r="F9" s="228"/>
      <c r="G9" s="228"/>
      <c r="H9" s="228"/>
      <c r="I9" s="281"/>
      <c r="J9" s="228"/>
      <c r="K9" s="228"/>
      <c r="L9" s="311"/>
      <c r="M9" s="228"/>
      <c r="N9" s="228"/>
      <c r="O9" s="228"/>
      <c r="P9" s="228"/>
      <c r="Q9" s="228"/>
      <c r="R9" s="281"/>
      <c r="S9" s="228"/>
      <c r="T9" s="228"/>
      <c r="U9" s="228"/>
      <c r="V9" s="228"/>
      <c r="W9" s="228"/>
      <c r="X9" s="228"/>
      <c r="Y9" s="281"/>
      <c r="Z9" s="228"/>
      <c r="AA9" s="228"/>
      <c r="AB9" s="228"/>
      <c r="AC9" s="228"/>
      <c r="AD9" s="228"/>
      <c r="AE9" s="228"/>
      <c r="AF9" s="317" t="s">
        <v>390</v>
      </c>
      <c r="AG9" s="228" t="s">
        <v>390</v>
      </c>
      <c r="AH9" s="318" t="s">
        <v>390</v>
      </c>
      <c r="AI9" s="224"/>
    </row>
    <row r="10" spans="1:35">
      <c r="A10" s="245"/>
      <c r="B10" s="282"/>
      <c r="C10" s="282"/>
      <c r="D10" s="246"/>
      <c r="E10" s="223"/>
      <c r="F10" s="224"/>
      <c r="G10" s="224"/>
      <c r="H10" s="224"/>
      <c r="I10" s="283"/>
      <c r="J10" s="224"/>
      <c r="K10" s="224"/>
      <c r="L10" s="307"/>
      <c r="M10" s="224"/>
      <c r="N10" s="224"/>
      <c r="O10" s="224"/>
      <c r="P10" s="224"/>
      <c r="Q10" s="224"/>
      <c r="R10" s="283"/>
      <c r="S10" s="224"/>
      <c r="T10" s="224"/>
      <c r="U10" s="224"/>
      <c r="V10" s="224"/>
      <c r="W10" s="224"/>
      <c r="X10" s="224"/>
      <c r="Y10" s="283"/>
      <c r="Z10" s="224"/>
      <c r="AA10" s="224"/>
      <c r="AB10" s="224"/>
      <c r="AC10" s="224"/>
      <c r="AD10" s="224"/>
      <c r="AE10" s="224"/>
      <c r="AF10" s="319"/>
      <c r="AG10" s="224"/>
      <c r="AH10" s="320"/>
      <c r="AI10" s="224"/>
    </row>
    <row r="11" spans="1:35">
      <c r="A11" s="229" t="s">
        <v>418</v>
      </c>
      <c r="B11" s="226"/>
      <c r="C11" s="226"/>
      <c r="D11" s="326"/>
      <c r="E11" s="223"/>
      <c r="F11" s="224"/>
      <c r="G11" s="224">
        <v>2</v>
      </c>
      <c r="H11" s="224">
        <v>10</v>
      </c>
      <c r="I11" s="283">
        <v>15</v>
      </c>
      <c r="J11" s="224">
        <v>17</v>
      </c>
      <c r="K11" s="224"/>
      <c r="L11" s="307"/>
      <c r="M11" s="224"/>
      <c r="N11" s="224"/>
      <c r="O11" s="224">
        <v>17</v>
      </c>
      <c r="P11" s="224">
        <v>15</v>
      </c>
      <c r="Q11" s="224">
        <v>10</v>
      </c>
      <c r="R11" s="283">
        <v>2</v>
      </c>
      <c r="S11" s="224"/>
      <c r="T11" s="224"/>
      <c r="U11" s="224"/>
      <c r="V11" s="224"/>
      <c r="W11" s="224"/>
      <c r="X11" s="224"/>
      <c r="Y11" s="283"/>
      <c r="Z11" s="224"/>
      <c r="AA11" s="224"/>
      <c r="AB11" s="224"/>
      <c r="AC11" s="224"/>
      <c r="AD11" s="224"/>
      <c r="AE11" s="224"/>
      <c r="AF11" s="319"/>
      <c r="AG11" s="224"/>
      <c r="AH11" s="320"/>
      <c r="AI11" s="224"/>
    </row>
    <row r="12" spans="1:35">
      <c r="A12" s="222"/>
      <c r="B12" s="221"/>
      <c r="C12" s="221"/>
      <c r="D12" s="221"/>
      <c r="E12" s="220"/>
      <c r="F12" s="221"/>
      <c r="G12" s="221"/>
      <c r="H12" s="221"/>
      <c r="I12" s="302"/>
      <c r="J12" s="221"/>
      <c r="K12" s="221"/>
      <c r="L12" s="303"/>
      <c r="M12" s="221"/>
      <c r="N12" s="221"/>
      <c r="O12" s="221"/>
      <c r="P12" s="221"/>
      <c r="Q12" s="221"/>
      <c r="R12" s="302"/>
      <c r="S12" s="221"/>
      <c r="T12" s="221"/>
      <c r="U12" s="221"/>
      <c r="V12" s="221"/>
      <c r="W12" s="221"/>
      <c r="X12" s="221"/>
      <c r="Y12" s="302"/>
      <c r="Z12" s="221"/>
      <c r="AA12" s="221"/>
      <c r="AB12" s="221"/>
      <c r="AC12" s="221"/>
      <c r="AD12" s="221"/>
      <c r="AE12" s="221"/>
      <c r="AF12" s="315"/>
      <c r="AG12" s="221"/>
      <c r="AH12" s="316"/>
      <c r="AI12" s="224"/>
    </row>
    <row r="13" spans="1:35">
      <c r="A13" s="229"/>
      <c r="B13" s="224" t="s">
        <v>419</v>
      </c>
      <c r="C13" s="224"/>
      <c r="D13" s="224"/>
      <c r="E13" s="223"/>
      <c r="F13" s="224"/>
      <c r="G13" s="224"/>
      <c r="H13" s="224"/>
      <c r="I13" s="283"/>
      <c r="J13" s="224"/>
      <c r="K13" s="224"/>
      <c r="L13" s="307"/>
      <c r="M13" s="224"/>
      <c r="N13" s="224"/>
      <c r="O13" s="224"/>
      <c r="P13" s="224"/>
      <c r="Q13" s="224"/>
      <c r="R13" s="283"/>
      <c r="S13" s="224"/>
      <c r="T13" s="224"/>
      <c r="U13" s="224"/>
      <c r="V13" s="224"/>
      <c r="W13" s="224"/>
      <c r="X13" s="224"/>
      <c r="Y13" s="283"/>
      <c r="Z13" s="224"/>
      <c r="AA13" s="224"/>
      <c r="AB13" s="224"/>
      <c r="AC13" s="224"/>
      <c r="AD13" s="224"/>
      <c r="AE13" s="224"/>
      <c r="AF13" s="319"/>
      <c r="AG13" s="224"/>
      <c r="AH13" s="320"/>
      <c r="AI13" s="224"/>
    </row>
    <row r="14" spans="1:35">
      <c r="A14" s="309"/>
      <c r="B14" s="228"/>
      <c r="C14" s="228"/>
      <c r="D14" s="228"/>
      <c r="E14" s="227"/>
      <c r="F14" s="228"/>
      <c r="G14" s="228"/>
      <c r="H14" s="228"/>
      <c r="I14" s="281"/>
      <c r="J14" s="228"/>
      <c r="K14" s="228"/>
      <c r="L14" s="311"/>
      <c r="M14" s="228"/>
      <c r="N14" s="228"/>
      <c r="O14" s="228"/>
      <c r="P14" s="228"/>
      <c r="Q14" s="228"/>
      <c r="R14" s="281"/>
      <c r="S14" s="228"/>
      <c r="T14" s="228"/>
      <c r="U14" s="228"/>
      <c r="V14" s="228"/>
      <c r="W14" s="228"/>
      <c r="X14" s="228"/>
      <c r="Y14" s="281"/>
      <c r="Z14" s="228"/>
      <c r="AA14" s="228"/>
      <c r="AB14" s="228"/>
      <c r="AC14" s="228"/>
      <c r="AD14" s="228"/>
      <c r="AE14" s="228"/>
      <c r="AF14" s="317"/>
      <c r="AG14" s="228"/>
      <c r="AH14" s="318"/>
      <c r="AI14" s="224"/>
    </row>
    <row r="15" spans="1:35" ht="14.1" customHeight="1">
      <c r="A15" s="795" t="s">
        <v>480</v>
      </c>
      <c r="B15" s="796"/>
      <c r="C15" s="223" t="s">
        <v>427</v>
      </c>
      <c r="D15" s="224"/>
      <c r="E15" s="223"/>
      <c r="F15" s="224"/>
      <c r="G15" s="224"/>
      <c r="H15" s="224"/>
      <c r="I15" s="283"/>
      <c r="J15" s="224"/>
      <c r="K15" s="224"/>
      <c r="L15" s="307"/>
      <c r="M15" s="224"/>
      <c r="N15" s="224"/>
      <c r="O15" s="224"/>
      <c r="P15" s="224"/>
      <c r="Q15" s="224"/>
      <c r="R15" s="283"/>
      <c r="S15" s="224"/>
      <c r="T15" s="224"/>
      <c r="U15" s="224"/>
      <c r="V15" s="224"/>
      <c r="W15" s="224"/>
      <c r="X15" s="224"/>
      <c r="Y15" s="283"/>
      <c r="Z15" s="224"/>
      <c r="AA15" s="224"/>
      <c r="AB15" s="224"/>
      <c r="AC15" s="224"/>
      <c r="AD15" s="224"/>
      <c r="AE15" s="224"/>
      <c r="AF15" s="319"/>
      <c r="AG15" s="224"/>
      <c r="AH15" s="320"/>
      <c r="AI15" s="224"/>
    </row>
    <row r="16" spans="1:35" ht="14.1" customHeight="1">
      <c r="A16" s="797"/>
      <c r="B16" s="798"/>
      <c r="C16" s="223"/>
      <c r="D16" s="224"/>
      <c r="E16" s="223" t="s">
        <v>386</v>
      </c>
      <c r="F16" s="224"/>
      <c r="G16" s="224"/>
      <c r="H16" s="224"/>
      <c r="I16" s="283"/>
      <c r="J16" s="224"/>
      <c r="K16" s="224"/>
      <c r="L16" s="307"/>
      <c r="M16" s="224"/>
      <c r="N16" s="224"/>
      <c r="O16" s="224"/>
      <c r="P16" s="224"/>
      <c r="Q16" s="224"/>
      <c r="R16" s="283"/>
      <c r="S16" s="224"/>
      <c r="T16" s="224"/>
      <c r="U16" s="224"/>
      <c r="V16" s="224"/>
      <c r="W16" s="224"/>
      <c r="X16" s="224"/>
      <c r="Y16" s="283"/>
      <c r="Z16" s="224"/>
      <c r="AA16" s="224"/>
      <c r="AB16" s="224"/>
      <c r="AC16" s="224"/>
      <c r="AD16" s="224"/>
      <c r="AE16" s="224"/>
      <c r="AF16" s="319"/>
      <c r="AG16" s="224"/>
      <c r="AH16" s="320"/>
      <c r="AI16" s="224"/>
    </row>
    <row r="17" spans="1:35" ht="14.1" customHeight="1">
      <c r="A17" s="797"/>
      <c r="B17" s="798"/>
      <c r="C17" s="227"/>
      <c r="D17" s="228"/>
      <c r="E17" s="227"/>
      <c r="F17" s="228"/>
      <c r="G17" s="228"/>
      <c r="H17" s="228"/>
      <c r="I17" s="281"/>
      <c r="J17" s="228"/>
      <c r="K17" s="228"/>
      <c r="L17" s="311"/>
      <c r="M17" s="228"/>
      <c r="N17" s="228"/>
      <c r="O17" s="228"/>
      <c r="P17" s="228"/>
      <c r="Q17" s="228"/>
      <c r="R17" s="281"/>
      <c r="S17" s="228"/>
      <c r="T17" s="228"/>
      <c r="U17" s="228"/>
      <c r="V17" s="228"/>
      <c r="W17" s="228"/>
      <c r="X17" s="228"/>
      <c r="Y17" s="281"/>
      <c r="Z17" s="228"/>
      <c r="AA17" s="228"/>
      <c r="AB17" s="228"/>
      <c r="AC17" s="228"/>
      <c r="AD17" s="228"/>
      <c r="AE17" s="228"/>
      <c r="AF17" s="317"/>
      <c r="AG17" s="228"/>
      <c r="AH17" s="318"/>
      <c r="AI17" s="224"/>
    </row>
    <row r="18" spans="1:35" ht="14.1" customHeight="1">
      <c r="A18" s="797"/>
      <c r="B18" s="798"/>
      <c r="C18" s="223" t="s">
        <v>420</v>
      </c>
      <c r="D18" s="224"/>
      <c r="E18" s="220"/>
      <c r="F18" s="221"/>
      <c r="G18" s="221"/>
      <c r="H18" s="221"/>
      <c r="I18" s="302"/>
      <c r="J18" s="221"/>
      <c r="K18" s="221"/>
      <c r="L18" s="303"/>
      <c r="M18" s="221"/>
      <c r="N18" s="221"/>
      <c r="O18" s="221"/>
      <c r="P18" s="221"/>
      <c r="Q18" s="221"/>
      <c r="R18" s="302"/>
      <c r="S18" s="221"/>
      <c r="T18" s="221"/>
      <c r="U18" s="221"/>
      <c r="V18" s="221"/>
      <c r="W18" s="221"/>
      <c r="X18" s="221"/>
      <c r="Y18" s="302"/>
      <c r="Z18" s="221"/>
      <c r="AA18" s="221"/>
      <c r="AB18" s="221"/>
      <c r="AC18" s="221"/>
      <c r="AD18" s="221"/>
      <c r="AE18" s="221"/>
      <c r="AF18" s="315"/>
      <c r="AG18" s="221"/>
      <c r="AH18" s="316"/>
      <c r="AI18" s="224"/>
    </row>
    <row r="19" spans="1:35" ht="14.1" customHeight="1">
      <c r="A19" s="797"/>
      <c r="B19" s="798"/>
      <c r="C19" s="223" t="s">
        <v>442</v>
      </c>
      <c r="D19" s="301"/>
      <c r="E19" s="224"/>
      <c r="F19" s="224"/>
      <c r="G19" s="224"/>
      <c r="H19" s="330" t="s">
        <v>500</v>
      </c>
      <c r="I19" s="331"/>
      <c r="J19" s="331"/>
      <c r="K19" s="332"/>
      <c r="L19" s="333">
        <v>0.5</v>
      </c>
      <c r="M19" s="330" t="s">
        <v>440</v>
      </c>
      <c r="N19" s="331"/>
      <c r="O19" s="331"/>
      <c r="P19" s="331"/>
      <c r="Q19" s="321" t="s">
        <v>439</v>
      </c>
      <c r="R19" s="283"/>
      <c r="S19" s="224"/>
      <c r="T19" s="224"/>
      <c r="U19" s="224"/>
      <c r="V19" s="224"/>
      <c r="W19" s="224"/>
      <c r="X19" s="224"/>
      <c r="Y19" s="283"/>
      <c r="Z19" s="224"/>
      <c r="AA19" s="224"/>
      <c r="AB19" s="224"/>
      <c r="AC19" s="224"/>
      <c r="AD19" s="224"/>
      <c r="AE19" s="224"/>
      <c r="AF19" s="334" t="s">
        <v>398</v>
      </c>
      <c r="AG19" s="323" t="s">
        <v>399</v>
      </c>
      <c r="AH19" s="335" t="s">
        <v>400</v>
      </c>
      <c r="AI19" s="224"/>
    </row>
    <row r="20" spans="1:35" ht="14.1" customHeight="1">
      <c r="A20" s="797"/>
      <c r="B20" s="798"/>
      <c r="C20" s="227" t="s">
        <v>441</v>
      </c>
      <c r="D20" s="228"/>
      <c r="E20" s="227"/>
      <c r="F20" s="228"/>
      <c r="G20" s="228"/>
      <c r="H20" s="228"/>
      <c r="I20" s="281"/>
      <c r="J20" s="228"/>
      <c r="K20" s="228"/>
      <c r="L20" s="311"/>
      <c r="M20" s="228"/>
      <c r="N20" s="228"/>
      <c r="O20" s="228"/>
      <c r="P20" s="228"/>
      <c r="Q20" s="228"/>
      <c r="R20" s="281"/>
      <c r="S20" s="228"/>
      <c r="T20" s="228"/>
      <c r="U20" s="228"/>
      <c r="V20" s="228"/>
      <c r="W20" s="228"/>
      <c r="X20" s="228"/>
      <c r="Y20" s="281"/>
      <c r="Z20" s="228"/>
      <c r="AA20" s="228"/>
      <c r="AB20" s="228"/>
      <c r="AC20" s="228"/>
      <c r="AD20" s="228"/>
      <c r="AE20" s="228"/>
      <c r="AF20" s="317"/>
      <c r="AG20" s="228"/>
      <c r="AH20" s="318"/>
      <c r="AI20" s="224"/>
    </row>
    <row r="21" spans="1:35" ht="14.1" customHeight="1">
      <c r="A21" s="797"/>
      <c r="B21" s="798"/>
      <c r="C21" s="223" t="s">
        <v>420</v>
      </c>
      <c r="D21" s="224"/>
      <c r="E21" s="220"/>
      <c r="F21" s="221"/>
      <c r="G21" s="221"/>
      <c r="H21" s="221"/>
      <c r="I21" s="302"/>
      <c r="J21" s="221"/>
      <c r="K21" s="221"/>
      <c r="L21" s="303"/>
      <c r="M21" s="221"/>
      <c r="N21" s="221"/>
      <c r="O21" s="221"/>
      <c r="P21" s="221"/>
      <c r="Q21" s="221"/>
      <c r="R21" s="302"/>
      <c r="S21" s="221"/>
      <c r="T21" s="221"/>
      <c r="U21" s="221"/>
      <c r="V21" s="221"/>
      <c r="W21" s="221"/>
      <c r="X21" s="221"/>
      <c r="Y21" s="302"/>
      <c r="Z21" s="221"/>
      <c r="AA21" s="221"/>
      <c r="AB21" s="221"/>
      <c r="AC21" s="221"/>
      <c r="AD21" s="221"/>
      <c r="AE21" s="221"/>
      <c r="AF21" s="315"/>
      <c r="AG21" s="221"/>
      <c r="AH21" s="316"/>
      <c r="AI21" s="224"/>
    </row>
    <row r="22" spans="1:35" ht="14.1" customHeight="1">
      <c r="A22" s="797"/>
      <c r="B22" s="798"/>
      <c r="C22" s="223" t="s">
        <v>443</v>
      </c>
      <c r="D22" s="224"/>
      <c r="E22" s="223" t="s">
        <v>386</v>
      </c>
      <c r="F22" s="331" t="s">
        <v>501</v>
      </c>
      <c r="G22" s="331"/>
      <c r="H22" s="331"/>
      <c r="I22" s="330"/>
      <c r="J22" s="336" t="s">
        <v>453</v>
      </c>
      <c r="K22" s="331" t="s">
        <v>445</v>
      </c>
      <c r="L22" s="332"/>
      <c r="M22" s="331"/>
      <c r="N22" s="322" t="s">
        <v>502</v>
      </c>
      <c r="O22" s="224"/>
      <c r="P22" s="224"/>
      <c r="Q22" s="224"/>
      <c r="R22" s="283"/>
      <c r="S22" s="224"/>
      <c r="T22" s="224"/>
      <c r="U22" s="224"/>
      <c r="V22" s="224"/>
      <c r="W22" s="224"/>
      <c r="X22" s="224"/>
      <c r="Y22" s="283"/>
      <c r="Z22" s="224"/>
      <c r="AA22" s="224"/>
      <c r="AB22" s="224"/>
      <c r="AC22" s="224"/>
      <c r="AD22" s="224"/>
      <c r="AE22" s="224"/>
      <c r="AF22" s="334" t="s">
        <v>401</v>
      </c>
      <c r="AG22" s="323" t="s">
        <v>399</v>
      </c>
      <c r="AH22" s="335" t="s">
        <v>402</v>
      </c>
      <c r="AI22" s="224"/>
    </row>
    <row r="23" spans="1:35" ht="14.1" customHeight="1">
      <c r="A23" s="797"/>
      <c r="B23" s="798"/>
      <c r="C23" s="227" t="s">
        <v>450</v>
      </c>
      <c r="D23" s="228"/>
      <c r="E23" s="227"/>
      <c r="F23" s="228"/>
      <c r="G23" s="228"/>
      <c r="H23" s="228"/>
      <c r="I23" s="281"/>
      <c r="J23" s="228"/>
      <c r="K23" s="228"/>
      <c r="L23" s="311"/>
      <c r="M23" s="228"/>
      <c r="N23" s="228"/>
      <c r="O23" s="228"/>
      <c r="P23" s="228"/>
      <c r="Q23" s="228"/>
      <c r="R23" s="281"/>
      <c r="S23" s="228"/>
      <c r="T23" s="228"/>
      <c r="U23" s="228"/>
      <c r="V23" s="228"/>
      <c r="W23" s="228"/>
      <c r="X23" s="228"/>
      <c r="Y23" s="281"/>
      <c r="Z23" s="228"/>
      <c r="AA23" s="228"/>
      <c r="AB23" s="228"/>
      <c r="AC23" s="228"/>
      <c r="AD23" s="228"/>
      <c r="AE23" s="228"/>
      <c r="AF23" s="317"/>
      <c r="AG23" s="228"/>
      <c r="AH23" s="318"/>
      <c r="AI23" s="224"/>
    </row>
    <row r="24" spans="1:35" ht="14.1" customHeight="1">
      <c r="A24" s="797"/>
      <c r="B24" s="798"/>
      <c r="C24" s="223" t="s">
        <v>420</v>
      </c>
      <c r="D24" s="224"/>
      <c r="E24" s="220"/>
      <c r="F24" s="221"/>
      <c r="G24" s="221"/>
      <c r="H24" s="221"/>
      <c r="I24" s="302"/>
      <c r="J24" s="221"/>
      <c r="K24" s="221"/>
      <c r="L24" s="303"/>
      <c r="M24" s="221"/>
      <c r="N24" s="221"/>
      <c r="O24" s="221"/>
      <c r="P24" s="221"/>
      <c r="Q24" s="221"/>
      <c r="R24" s="302"/>
      <c r="S24" s="221"/>
      <c r="T24" s="221"/>
      <c r="U24" s="221"/>
      <c r="V24" s="221"/>
      <c r="W24" s="221"/>
      <c r="X24" s="221"/>
      <c r="Y24" s="302"/>
      <c r="Z24" s="221"/>
      <c r="AA24" s="221"/>
      <c r="AB24" s="221"/>
      <c r="AC24" s="221"/>
      <c r="AD24" s="221"/>
      <c r="AE24" s="221"/>
      <c r="AF24" s="315"/>
      <c r="AG24" s="221"/>
      <c r="AH24" s="316"/>
      <c r="AI24" s="224"/>
    </row>
    <row r="25" spans="1:35" ht="14.1" customHeight="1">
      <c r="A25" s="797"/>
      <c r="B25" s="798"/>
      <c r="C25" s="223" t="s">
        <v>449</v>
      </c>
      <c r="D25" s="224"/>
      <c r="E25" s="223" t="s">
        <v>386</v>
      </c>
      <c r="F25" s="224"/>
      <c r="G25" s="224"/>
      <c r="H25" s="224"/>
      <c r="I25" s="283"/>
      <c r="J25" s="224"/>
      <c r="K25" s="224"/>
      <c r="L25" s="307"/>
      <c r="M25" s="224"/>
      <c r="N25" s="331" t="s">
        <v>502</v>
      </c>
      <c r="O25" s="331"/>
      <c r="P25" s="331"/>
      <c r="Q25" s="331"/>
      <c r="R25" s="337" t="s">
        <v>446</v>
      </c>
      <c r="S25" s="331" t="s">
        <v>447</v>
      </c>
      <c r="T25" s="331"/>
      <c r="U25" s="331"/>
      <c r="V25" s="323" t="s">
        <v>448</v>
      </c>
      <c r="W25" s="323"/>
      <c r="X25" s="224"/>
      <c r="Y25" s="283"/>
      <c r="Z25" s="224"/>
      <c r="AA25" s="224"/>
      <c r="AB25" s="224"/>
      <c r="AC25" s="224"/>
      <c r="AD25" s="224"/>
      <c r="AE25" s="224"/>
      <c r="AF25" s="334" t="s">
        <v>401</v>
      </c>
      <c r="AG25" s="323" t="s">
        <v>399</v>
      </c>
      <c r="AH25" s="335" t="s">
        <v>402</v>
      </c>
      <c r="AI25" s="224"/>
    </row>
    <row r="26" spans="1:35" ht="14.1" customHeight="1">
      <c r="A26" s="797"/>
      <c r="B26" s="798"/>
      <c r="C26" s="227" t="s">
        <v>450</v>
      </c>
      <c r="D26" s="228"/>
      <c r="E26" s="227"/>
      <c r="F26" s="228"/>
      <c r="G26" s="228"/>
      <c r="H26" s="228"/>
      <c r="I26" s="281"/>
      <c r="J26" s="228"/>
      <c r="K26" s="228"/>
      <c r="L26" s="311"/>
      <c r="M26" s="228"/>
      <c r="N26" s="228"/>
      <c r="O26" s="228"/>
      <c r="P26" s="228"/>
      <c r="Q26" s="228"/>
      <c r="R26" s="281"/>
      <c r="S26" s="228"/>
      <c r="T26" s="228"/>
      <c r="U26" s="228"/>
      <c r="V26" s="228"/>
      <c r="W26" s="228"/>
      <c r="X26" s="228"/>
      <c r="Y26" s="281"/>
      <c r="Z26" s="228"/>
      <c r="AA26" s="228"/>
      <c r="AB26" s="228"/>
      <c r="AC26" s="228"/>
      <c r="AD26" s="228"/>
      <c r="AE26" s="228"/>
      <c r="AF26" s="317"/>
      <c r="AG26" s="228"/>
      <c r="AH26" s="318"/>
      <c r="AI26" s="224"/>
    </row>
    <row r="27" spans="1:35" ht="14.1" customHeight="1">
      <c r="A27" s="797"/>
      <c r="B27" s="798"/>
      <c r="C27" s="223" t="s">
        <v>420</v>
      </c>
      <c r="D27" s="224"/>
      <c r="E27" s="220"/>
      <c r="F27" s="221"/>
      <c r="G27" s="221"/>
      <c r="H27" s="221"/>
      <c r="I27" s="302"/>
      <c r="J27" s="221"/>
      <c r="K27" s="221"/>
      <c r="L27" s="303"/>
      <c r="M27" s="221"/>
      <c r="N27" s="221"/>
      <c r="O27" s="221"/>
      <c r="P27" s="221"/>
      <c r="Q27" s="221"/>
      <c r="R27" s="302"/>
      <c r="S27" s="221"/>
      <c r="T27" s="221"/>
      <c r="U27" s="221"/>
      <c r="V27" s="221"/>
      <c r="W27" s="221"/>
      <c r="X27" s="221"/>
      <c r="Y27" s="302"/>
      <c r="Z27" s="221"/>
      <c r="AA27" s="221"/>
      <c r="AB27" s="221"/>
      <c r="AC27" s="221"/>
      <c r="AD27" s="221"/>
      <c r="AE27" s="221"/>
      <c r="AF27" s="315"/>
      <c r="AG27" s="221"/>
      <c r="AH27" s="316"/>
      <c r="AI27" s="224"/>
    </row>
    <row r="28" spans="1:35" ht="14.1" customHeight="1">
      <c r="A28" s="797"/>
      <c r="B28" s="798"/>
      <c r="C28" s="223"/>
      <c r="D28" s="224"/>
      <c r="E28" s="223" t="s">
        <v>386</v>
      </c>
      <c r="F28" s="323"/>
      <c r="G28" s="323"/>
      <c r="H28" s="338"/>
      <c r="I28" s="323"/>
      <c r="J28" s="323"/>
      <c r="K28" s="323"/>
      <c r="L28" s="323"/>
      <c r="M28" s="339"/>
      <c r="N28" s="323"/>
      <c r="O28" s="323"/>
      <c r="P28" s="338"/>
      <c r="Q28" s="323"/>
      <c r="R28" s="323"/>
      <c r="S28" s="323"/>
      <c r="T28" s="323"/>
      <c r="U28" s="323"/>
      <c r="V28" s="323"/>
      <c r="W28" s="323"/>
      <c r="X28" s="323"/>
      <c r="Y28" s="340"/>
      <c r="Z28" s="323"/>
      <c r="AA28" s="323"/>
      <c r="AB28" s="323"/>
      <c r="AC28" s="323"/>
      <c r="AD28" s="323"/>
      <c r="AE28" s="224"/>
      <c r="AF28" s="334"/>
      <c r="AG28" s="323"/>
      <c r="AH28" s="335"/>
      <c r="AI28" s="224"/>
    </row>
    <row r="29" spans="1:35" ht="14.1" customHeight="1">
      <c r="A29" s="797"/>
      <c r="B29" s="798"/>
      <c r="C29" s="227" t="s">
        <v>456</v>
      </c>
      <c r="D29" s="228"/>
      <c r="E29" s="227"/>
      <c r="F29" s="228"/>
      <c r="G29" s="228"/>
      <c r="H29" s="228"/>
      <c r="I29" s="281"/>
      <c r="J29" s="228"/>
      <c r="K29" s="228"/>
      <c r="L29" s="311"/>
      <c r="M29" s="228"/>
      <c r="N29" s="228"/>
      <c r="O29" s="228"/>
      <c r="P29" s="228"/>
      <c r="Q29" s="228"/>
      <c r="R29" s="281"/>
      <c r="S29" s="228"/>
      <c r="T29" s="228"/>
      <c r="U29" s="228"/>
      <c r="V29" s="228"/>
      <c r="W29" s="228"/>
      <c r="X29" s="228"/>
      <c r="Y29" s="281"/>
      <c r="Z29" s="228"/>
      <c r="AA29" s="228"/>
      <c r="AB29" s="228"/>
      <c r="AC29" s="228"/>
      <c r="AD29" s="228"/>
      <c r="AE29" s="228"/>
      <c r="AF29" s="317"/>
      <c r="AG29" s="228"/>
      <c r="AH29" s="318"/>
      <c r="AI29" s="224"/>
    </row>
    <row r="30" spans="1:35" ht="14.1" customHeight="1">
      <c r="A30" s="797"/>
      <c r="B30" s="798"/>
      <c r="C30" s="223" t="s">
        <v>420</v>
      </c>
      <c r="D30" s="224"/>
      <c r="E30" s="220"/>
      <c r="F30" s="221"/>
      <c r="G30" s="221"/>
      <c r="H30" s="221"/>
      <c r="I30" s="302"/>
      <c r="J30" s="221"/>
      <c r="K30" s="221"/>
      <c r="L30" s="303"/>
      <c r="M30" s="221"/>
      <c r="N30" s="221"/>
      <c r="O30" s="221"/>
      <c r="P30" s="221"/>
      <c r="Q30" s="221"/>
      <c r="R30" s="302"/>
      <c r="S30" s="221"/>
      <c r="T30" s="221"/>
      <c r="U30" s="221"/>
      <c r="V30" s="221"/>
      <c r="W30" s="221"/>
      <c r="X30" s="221"/>
      <c r="Y30" s="302"/>
      <c r="Z30" s="221"/>
      <c r="AA30" s="221"/>
      <c r="AB30" s="221"/>
      <c r="AC30" s="221"/>
      <c r="AD30" s="221"/>
      <c r="AE30" s="221"/>
      <c r="AF30" s="315"/>
      <c r="AG30" s="221"/>
      <c r="AH30" s="316"/>
      <c r="AI30" s="224"/>
    </row>
    <row r="31" spans="1:35" ht="14.1" customHeight="1">
      <c r="A31" s="797"/>
      <c r="B31" s="798"/>
      <c r="C31" s="223" t="s">
        <v>451</v>
      </c>
      <c r="D31" s="224"/>
      <c r="E31" s="223" t="s">
        <v>386</v>
      </c>
      <c r="F31" s="224"/>
      <c r="G31" s="344">
        <v>0.29166666666666669</v>
      </c>
      <c r="H31" s="228"/>
      <c r="I31" s="281"/>
      <c r="J31" s="228"/>
      <c r="K31" s="341">
        <v>0.45833333333333331</v>
      </c>
      <c r="L31" s="311" t="s">
        <v>438</v>
      </c>
      <c r="M31" s="228"/>
      <c r="N31" s="342">
        <v>0.58333333333333337</v>
      </c>
      <c r="O31" s="224"/>
      <c r="P31" s="224"/>
      <c r="Q31" s="224"/>
      <c r="R31" s="283"/>
      <c r="S31" s="224"/>
      <c r="T31" s="224"/>
      <c r="U31" s="224"/>
      <c r="V31" s="224"/>
      <c r="W31" s="224"/>
      <c r="X31" s="224"/>
      <c r="Y31" s="283"/>
      <c r="Z31" s="224"/>
      <c r="AA31" s="224"/>
      <c r="AB31" s="224"/>
      <c r="AC31" s="224"/>
      <c r="AD31" s="224"/>
      <c r="AE31" s="224"/>
      <c r="AF31" s="319" t="s">
        <v>452</v>
      </c>
      <c r="AG31" s="224" t="s">
        <v>454</v>
      </c>
      <c r="AH31" s="320" t="s">
        <v>455</v>
      </c>
      <c r="AI31" s="224"/>
    </row>
    <row r="32" spans="1:35" ht="14.1" customHeight="1">
      <c r="A32" s="797"/>
      <c r="B32" s="798"/>
      <c r="C32" s="223"/>
      <c r="D32" s="224"/>
      <c r="E32" s="223"/>
      <c r="F32" s="224"/>
      <c r="G32" s="221"/>
      <c r="H32" s="221"/>
      <c r="I32" s="302"/>
      <c r="J32" s="221"/>
      <c r="K32" s="343">
        <v>0.45833333333333331</v>
      </c>
      <c r="L32" s="311"/>
      <c r="M32" s="228"/>
      <c r="N32" s="344"/>
      <c r="O32" s="345">
        <v>0.625</v>
      </c>
      <c r="P32" s="346">
        <v>0.66666666666666663</v>
      </c>
      <c r="Q32" s="347"/>
      <c r="R32" s="348">
        <v>0.75</v>
      </c>
      <c r="S32" s="224"/>
      <c r="T32" s="224"/>
      <c r="U32" s="224"/>
      <c r="V32" s="224"/>
      <c r="W32" s="224"/>
      <c r="X32" s="224"/>
      <c r="Y32" s="283"/>
      <c r="Z32" s="224"/>
      <c r="AA32" s="224"/>
      <c r="AB32" s="224"/>
      <c r="AC32" s="224"/>
      <c r="AD32" s="224"/>
      <c r="AE32" s="224"/>
      <c r="AF32" s="319"/>
      <c r="AG32" s="224"/>
      <c r="AH32" s="320"/>
      <c r="AI32" s="224"/>
    </row>
    <row r="33" spans="1:35" ht="14.1" customHeight="1">
      <c r="A33" s="797"/>
      <c r="B33" s="798"/>
      <c r="C33" s="227" t="s">
        <v>444</v>
      </c>
      <c r="D33" s="228"/>
      <c r="E33" s="227"/>
      <c r="F33" s="228"/>
      <c r="G33" s="228"/>
      <c r="H33" s="228"/>
      <c r="I33" s="281"/>
      <c r="J33" s="228"/>
      <c r="K33" s="228"/>
      <c r="L33" s="311"/>
      <c r="M33" s="228"/>
      <c r="N33" s="228"/>
      <c r="O33" s="228"/>
      <c r="P33" s="228"/>
      <c r="Q33" s="228"/>
      <c r="R33" s="281"/>
      <c r="S33" s="228"/>
      <c r="T33" s="228"/>
      <c r="U33" s="228"/>
      <c r="V33" s="228"/>
      <c r="W33" s="228"/>
      <c r="X33" s="228"/>
      <c r="Y33" s="281"/>
      <c r="Z33" s="228"/>
      <c r="AA33" s="228"/>
      <c r="AB33" s="228"/>
      <c r="AC33" s="228"/>
      <c r="AD33" s="228"/>
      <c r="AE33" s="228"/>
      <c r="AF33" s="317"/>
      <c r="AG33" s="228"/>
      <c r="AH33" s="318"/>
      <c r="AI33" s="224"/>
    </row>
    <row r="34" spans="1:35" ht="14.1" customHeight="1">
      <c r="A34" s="797"/>
      <c r="B34" s="798"/>
      <c r="C34" s="220" t="s">
        <v>420</v>
      </c>
      <c r="D34" s="327"/>
      <c r="E34" s="223"/>
      <c r="F34" s="224"/>
      <c r="G34" s="224"/>
      <c r="H34" s="224"/>
      <c r="I34" s="283"/>
      <c r="J34" s="224"/>
      <c r="K34" s="224"/>
      <c r="L34" s="307"/>
      <c r="M34" s="224"/>
      <c r="N34" s="224"/>
      <c r="O34" s="224"/>
      <c r="P34" s="224"/>
      <c r="Q34" s="224"/>
      <c r="R34" s="283"/>
      <c r="S34" s="224"/>
      <c r="T34" s="224"/>
      <c r="U34" s="224"/>
      <c r="V34" s="224"/>
      <c r="W34" s="224"/>
      <c r="X34" s="224"/>
      <c r="Y34" s="283"/>
      <c r="Z34" s="224"/>
      <c r="AA34" s="224"/>
      <c r="AB34" s="224"/>
      <c r="AC34" s="224"/>
      <c r="AD34" s="224"/>
      <c r="AE34" s="224"/>
      <c r="AF34" s="319"/>
      <c r="AG34" s="224"/>
      <c r="AH34" s="320"/>
      <c r="AI34" s="224"/>
    </row>
    <row r="35" spans="1:35" ht="14.1" customHeight="1">
      <c r="A35" s="797"/>
      <c r="B35" s="798"/>
      <c r="C35" s="223"/>
      <c r="D35" s="301"/>
      <c r="E35" s="223"/>
      <c r="F35" s="224"/>
      <c r="G35" s="224"/>
      <c r="H35" s="224"/>
      <c r="I35" s="283"/>
      <c r="J35" s="224"/>
      <c r="K35" s="224"/>
      <c r="L35" s="307"/>
      <c r="M35" s="224"/>
      <c r="N35" s="224"/>
      <c r="O35" s="224"/>
      <c r="P35" s="224"/>
      <c r="Q35" s="224"/>
      <c r="R35" s="283"/>
      <c r="S35" s="224"/>
      <c r="T35" s="224"/>
      <c r="U35" s="224"/>
      <c r="V35" s="224"/>
      <c r="W35" s="224"/>
      <c r="X35" s="224"/>
      <c r="Y35" s="283"/>
      <c r="Z35" s="224"/>
      <c r="AA35" s="224"/>
      <c r="AB35" s="224"/>
      <c r="AC35" s="224"/>
      <c r="AD35" s="224"/>
      <c r="AE35" s="224"/>
      <c r="AF35" s="319"/>
      <c r="AG35" s="224"/>
      <c r="AH35" s="320"/>
      <c r="AI35" s="224"/>
    </row>
    <row r="36" spans="1:35" ht="14.1" customHeight="1">
      <c r="A36" s="799"/>
      <c r="B36" s="800"/>
      <c r="C36" s="227" t="s">
        <v>392</v>
      </c>
      <c r="D36" s="310"/>
      <c r="E36" s="223"/>
      <c r="F36" s="224"/>
      <c r="G36" s="224"/>
      <c r="H36" s="224"/>
      <c r="I36" s="283"/>
      <c r="J36" s="224"/>
      <c r="K36" s="224"/>
      <c r="L36" s="307"/>
      <c r="M36" s="224"/>
      <c r="N36" s="224"/>
      <c r="O36" s="224"/>
      <c r="P36" s="224"/>
      <c r="Q36" s="224"/>
      <c r="R36" s="283"/>
      <c r="S36" s="224"/>
      <c r="T36" s="224"/>
      <c r="U36" s="224"/>
      <c r="V36" s="224"/>
      <c r="W36" s="224"/>
      <c r="X36" s="224"/>
      <c r="Y36" s="283"/>
      <c r="Z36" s="224"/>
      <c r="AA36" s="224"/>
      <c r="AB36" s="224"/>
      <c r="AC36" s="224"/>
      <c r="AD36" s="224"/>
      <c r="AE36" s="224"/>
      <c r="AF36" s="319"/>
      <c r="AG36" s="224"/>
      <c r="AH36" s="320"/>
      <c r="AI36" s="224"/>
    </row>
    <row r="37" spans="1:35" ht="14.1" customHeight="1">
      <c r="A37" s="781" t="s">
        <v>481</v>
      </c>
      <c r="B37" s="782"/>
      <c r="C37" s="223" t="s">
        <v>409</v>
      </c>
      <c r="D37" s="224"/>
      <c r="E37" s="220"/>
      <c r="F37" s="221"/>
      <c r="G37" s="221"/>
      <c r="H37" s="221"/>
      <c r="I37" s="302"/>
      <c r="J37" s="221"/>
      <c r="K37" s="221"/>
      <c r="L37" s="303"/>
      <c r="M37" s="221"/>
      <c r="N37" s="221"/>
      <c r="O37" s="221"/>
      <c r="P37" s="221"/>
      <c r="Q37" s="221"/>
      <c r="R37" s="302"/>
      <c r="S37" s="221"/>
      <c r="T37" s="221"/>
      <c r="U37" s="221"/>
      <c r="V37" s="221"/>
      <c r="W37" s="221"/>
      <c r="X37" s="221"/>
      <c r="Y37" s="302"/>
      <c r="Z37" s="221"/>
      <c r="AA37" s="221"/>
      <c r="AB37" s="221"/>
      <c r="AC37" s="221"/>
      <c r="AD37" s="221"/>
      <c r="AE37" s="221"/>
      <c r="AF37" s="315"/>
      <c r="AG37" s="221"/>
      <c r="AH37" s="316"/>
      <c r="AI37" s="224"/>
    </row>
    <row r="38" spans="1:35" ht="14.1" customHeight="1">
      <c r="A38" s="783"/>
      <c r="B38" s="784"/>
      <c r="C38" s="223"/>
      <c r="D38" s="224"/>
      <c r="E38" s="223" t="s">
        <v>386</v>
      </c>
      <c r="F38" s="224"/>
      <c r="G38" s="224"/>
      <c r="H38" s="224"/>
      <c r="I38" s="283"/>
      <c r="J38" s="224"/>
      <c r="K38" s="224"/>
      <c r="L38" s="307"/>
      <c r="M38" s="224"/>
      <c r="N38" s="224"/>
      <c r="O38" s="224"/>
      <c r="P38" s="224"/>
      <c r="Q38" s="224"/>
      <c r="R38" s="283"/>
      <c r="S38" s="224"/>
      <c r="T38" s="224"/>
      <c r="U38" s="224"/>
      <c r="V38" s="224"/>
      <c r="W38" s="224"/>
      <c r="X38" s="224"/>
      <c r="Y38" s="283"/>
      <c r="Z38" s="224"/>
      <c r="AA38" s="224"/>
      <c r="AB38" s="224"/>
      <c r="AC38" s="224"/>
      <c r="AD38" s="224"/>
      <c r="AE38" s="224"/>
      <c r="AF38" s="319"/>
      <c r="AG38" s="224"/>
      <c r="AH38" s="320"/>
      <c r="AI38" s="224"/>
    </row>
    <row r="39" spans="1:35" ht="14.1" customHeight="1">
      <c r="A39" s="783"/>
      <c r="B39" s="784"/>
      <c r="C39" s="227"/>
      <c r="D39" s="228"/>
      <c r="E39" s="227"/>
      <c r="F39" s="228"/>
      <c r="G39" s="228"/>
      <c r="H39" s="228"/>
      <c r="I39" s="281"/>
      <c r="J39" s="228"/>
      <c r="K39" s="228"/>
      <c r="L39" s="311"/>
      <c r="M39" s="228"/>
      <c r="N39" s="228"/>
      <c r="O39" s="228"/>
      <c r="P39" s="228"/>
      <c r="Q39" s="228"/>
      <c r="R39" s="281"/>
      <c r="S39" s="228"/>
      <c r="T39" s="228"/>
      <c r="U39" s="228"/>
      <c r="V39" s="228"/>
      <c r="W39" s="228"/>
      <c r="X39" s="228"/>
      <c r="Y39" s="281"/>
      <c r="Z39" s="228"/>
      <c r="AA39" s="228"/>
      <c r="AB39" s="228"/>
      <c r="AC39" s="228"/>
      <c r="AD39" s="228"/>
      <c r="AE39" s="228"/>
      <c r="AF39" s="317"/>
      <c r="AG39" s="228"/>
      <c r="AH39" s="318"/>
      <c r="AI39" s="224"/>
    </row>
    <row r="40" spans="1:35" ht="14.1" customHeight="1">
      <c r="A40" s="783"/>
      <c r="B40" s="784"/>
      <c r="C40" s="223" t="s">
        <v>421</v>
      </c>
      <c r="D40" s="224"/>
      <c r="E40" s="220"/>
      <c r="F40" s="221"/>
      <c r="G40" s="221"/>
      <c r="H40" s="221"/>
      <c r="I40" s="302"/>
      <c r="J40" s="221"/>
      <c r="K40" s="221"/>
      <c r="L40" s="303"/>
      <c r="M40" s="221"/>
      <c r="N40" s="221"/>
      <c r="O40" s="221"/>
      <c r="P40" s="221"/>
      <c r="Q40" s="221"/>
      <c r="R40" s="302"/>
      <c r="S40" s="221"/>
      <c r="T40" s="221"/>
      <c r="U40" s="221"/>
      <c r="V40" s="221"/>
      <c r="W40" s="221"/>
      <c r="X40" s="221"/>
      <c r="Y40" s="302"/>
      <c r="Z40" s="221"/>
      <c r="AA40" s="221"/>
      <c r="AB40" s="221"/>
      <c r="AC40" s="221"/>
      <c r="AD40" s="221"/>
      <c r="AE40" s="221"/>
      <c r="AF40" s="315"/>
      <c r="AG40" s="221"/>
      <c r="AH40" s="316"/>
      <c r="AI40" s="224"/>
    </row>
    <row r="41" spans="1:35" ht="14.1" customHeight="1">
      <c r="A41" s="783"/>
      <c r="B41" s="784"/>
      <c r="C41" s="223"/>
      <c r="D41" s="224"/>
      <c r="E41" s="223" t="s">
        <v>386</v>
      </c>
      <c r="F41" s="224"/>
      <c r="G41" s="224"/>
      <c r="H41" s="224"/>
      <c r="I41" s="283"/>
      <c r="J41" s="224"/>
      <c r="K41" s="224"/>
      <c r="L41" s="307"/>
      <c r="M41" s="224"/>
      <c r="N41" s="224"/>
      <c r="O41" s="224"/>
      <c r="P41" s="224"/>
      <c r="Q41" s="224"/>
      <c r="R41" s="283"/>
      <c r="S41" s="224"/>
      <c r="T41" s="224"/>
      <c r="U41" s="224"/>
      <c r="V41" s="224"/>
      <c r="W41" s="224"/>
      <c r="X41" s="224"/>
      <c r="Y41" s="283"/>
      <c r="Z41" s="224"/>
      <c r="AA41" s="224"/>
      <c r="AB41" s="224"/>
      <c r="AC41" s="224"/>
      <c r="AD41" s="224"/>
      <c r="AE41" s="224"/>
      <c r="AF41" s="319"/>
      <c r="AG41" s="224"/>
      <c r="AH41" s="320"/>
      <c r="AI41" s="224"/>
    </row>
    <row r="42" spans="1:35" ht="14.1" customHeight="1">
      <c r="A42" s="783"/>
      <c r="B42" s="784"/>
      <c r="C42" s="227"/>
      <c r="D42" s="228"/>
      <c r="E42" s="227"/>
      <c r="F42" s="228"/>
      <c r="G42" s="228"/>
      <c r="H42" s="228"/>
      <c r="I42" s="281"/>
      <c r="J42" s="228"/>
      <c r="K42" s="228"/>
      <c r="L42" s="311"/>
      <c r="M42" s="228"/>
      <c r="N42" s="228"/>
      <c r="O42" s="228"/>
      <c r="P42" s="228"/>
      <c r="Q42" s="228"/>
      <c r="R42" s="281"/>
      <c r="S42" s="228"/>
      <c r="T42" s="228"/>
      <c r="U42" s="228"/>
      <c r="V42" s="228"/>
      <c r="W42" s="228"/>
      <c r="X42" s="228"/>
      <c r="Y42" s="281"/>
      <c r="Z42" s="228"/>
      <c r="AA42" s="228"/>
      <c r="AB42" s="228"/>
      <c r="AC42" s="228"/>
      <c r="AD42" s="228"/>
      <c r="AE42" s="228"/>
      <c r="AF42" s="317"/>
      <c r="AG42" s="228"/>
      <c r="AH42" s="318"/>
      <c r="AI42" s="224"/>
    </row>
    <row r="43" spans="1:35" ht="14.1" customHeight="1">
      <c r="A43" s="783"/>
      <c r="B43" s="784"/>
      <c r="C43" s="328" t="s">
        <v>410</v>
      </c>
      <c r="D43" s="224"/>
      <c r="E43" s="223"/>
      <c r="F43" s="224"/>
      <c r="G43" s="224"/>
      <c r="H43" s="224"/>
      <c r="I43" s="283"/>
      <c r="J43" s="224"/>
      <c r="K43" s="224"/>
      <c r="L43" s="307"/>
      <c r="M43" s="224"/>
      <c r="N43" s="224"/>
      <c r="O43" s="224"/>
      <c r="P43" s="224"/>
      <c r="Q43" s="224"/>
      <c r="R43" s="283"/>
      <c r="S43" s="224"/>
      <c r="T43" s="224"/>
      <c r="U43" s="224"/>
      <c r="V43" s="224"/>
      <c r="W43" s="224"/>
      <c r="X43" s="224"/>
      <c r="Y43" s="283"/>
      <c r="Z43" s="224"/>
      <c r="AA43" s="224"/>
      <c r="AB43" s="224"/>
      <c r="AC43" s="224"/>
      <c r="AD43" s="224"/>
      <c r="AE43" s="224"/>
      <c r="AF43" s="319"/>
      <c r="AG43" s="224"/>
      <c r="AH43" s="320"/>
      <c r="AI43" s="224"/>
    </row>
    <row r="44" spans="1:35" ht="14.1" customHeight="1">
      <c r="A44" s="783"/>
      <c r="B44" s="784"/>
      <c r="C44" s="223"/>
      <c r="D44" s="224"/>
      <c r="E44" s="223"/>
      <c r="F44" s="224"/>
      <c r="G44" s="224"/>
      <c r="H44" s="224"/>
      <c r="I44" s="283"/>
      <c r="J44" s="224"/>
      <c r="K44" s="224"/>
      <c r="L44" s="307"/>
      <c r="M44" s="224"/>
      <c r="N44" s="224"/>
      <c r="O44" s="224"/>
      <c r="P44" s="224"/>
      <c r="Q44" s="224"/>
      <c r="R44" s="283"/>
      <c r="S44" s="224"/>
      <c r="T44" s="224"/>
      <c r="U44" s="224"/>
      <c r="V44" s="224"/>
      <c r="W44" s="224"/>
      <c r="X44" s="224"/>
      <c r="Y44" s="283"/>
      <c r="Z44" s="224"/>
      <c r="AA44" s="224"/>
      <c r="AB44" s="224"/>
      <c r="AC44" s="224"/>
      <c r="AD44" s="224"/>
      <c r="AE44" s="224"/>
      <c r="AF44" s="319"/>
      <c r="AG44" s="224"/>
      <c r="AH44" s="320"/>
      <c r="AI44" s="224"/>
    </row>
    <row r="45" spans="1:35" ht="14.1" customHeight="1">
      <c r="A45" s="785"/>
      <c r="B45" s="786"/>
      <c r="C45" s="223"/>
      <c r="D45" s="224"/>
      <c r="E45" s="223"/>
      <c r="F45" s="224"/>
      <c r="G45" s="224"/>
      <c r="H45" s="224"/>
      <c r="I45" s="283"/>
      <c r="J45" s="224"/>
      <c r="K45" s="224"/>
      <c r="L45" s="307"/>
      <c r="M45" s="224"/>
      <c r="N45" s="224"/>
      <c r="O45" s="224"/>
      <c r="P45" s="224"/>
      <c r="Q45" s="224"/>
      <c r="R45" s="283"/>
      <c r="S45" s="224"/>
      <c r="T45" s="224"/>
      <c r="U45" s="224"/>
      <c r="V45" s="224"/>
      <c r="W45" s="224"/>
      <c r="X45" s="224"/>
      <c r="Y45" s="283"/>
      <c r="Z45" s="224"/>
      <c r="AA45" s="224"/>
      <c r="AB45" s="224"/>
      <c r="AC45" s="224"/>
      <c r="AD45" s="224"/>
      <c r="AE45" s="224"/>
      <c r="AF45" s="319"/>
      <c r="AG45" s="224"/>
      <c r="AH45" s="320"/>
      <c r="AI45" s="224"/>
    </row>
    <row r="46" spans="1:35" ht="14.1" customHeight="1">
      <c r="A46" s="781" t="s">
        <v>482</v>
      </c>
      <c r="B46" s="782"/>
      <c r="C46" s="329" t="s">
        <v>409</v>
      </c>
      <c r="D46" s="221"/>
      <c r="E46" s="220"/>
      <c r="F46" s="221"/>
      <c r="G46" s="221"/>
      <c r="H46" s="221"/>
      <c r="I46" s="302"/>
      <c r="J46" s="221"/>
      <c r="K46" s="221"/>
      <c r="L46" s="303"/>
      <c r="M46" s="221"/>
      <c r="N46" s="221"/>
      <c r="O46" s="221"/>
      <c r="P46" s="221"/>
      <c r="Q46" s="221"/>
      <c r="R46" s="302"/>
      <c r="S46" s="221"/>
      <c r="T46" s="221"/>
      <c r="U46" s="221"/>
      <c r="V46" s="221"/>
      <c r="W46" s="221"/>
      <c r="X46" s="221"/>
      <c r="Y46" s="302"/>
      <c r="Z46" s="221"/>
      <c r="AA46" s="221"/>
      <c r="AB46" s="221"/>
      <c r="AC46" s="221"/>
      <c r="AD46" s="221"/>
      <c r="AE46" s="221"/>
      <c r="AF46" s="315"/>
      <c r="AG46" s="221"/>
      <c r="AH46" s="316"/>
      <c r="AI46" s="224"/>
    </row>
    <row r="47" spans="1:35" ht="14.1" customHeight="1">
      <c r="A47" s="783"/>
      <c r="B47" s="784"/>
      <c r="C47" s="223"/>
      <c r="D47" s="224"/>
      <c r="E47" s="223"/>
      <c r="F47" s="224"/>
      <c r="G47" s="224"/>
      <c r="H47" s="224"/>
      <c r="I47" s="283"/>
      <c r="J47" s="224"/>
      <c r="K47" s="224"/>
      <c r="L47" s="307"/>
      <c r="M47" s="224"/>
      <c r="N47" s="224"/>
      <c r="O47" s="224"/>
      <c r="P47" s="224"/>
      <c r="Q47" s="224"/>
      <c r="R47" s="283"/>
      <c r="S47" s="224"/>
      <c r="T47" s="224"/>
      <c r="U47" s="224"/>
      <c r="V47" s="224"/>
      <c r="W47" s="224"/>
      <c r="X47" s="224"/>
      <c r="Y47" s="283"/>
      <c r="Z47" s="224"/>
      <c r="AA47" s="224"/>
      <c r="AB47" s="224"/>
      <c r="AC47" s="224"/>
      <c r="AD47" s="224"/>
      <c r="AE47" s="224"/>
      <c r="AF47" s="319"/>
      <c r="AG47" s="224"/>
      <c r="AH47" s="320"/>
      <c r="AI47" s="224"/>
    </row>
    <row r="48" spans="1:35" ht="14.1" customHeight="1">
      <c r="A48" s="783"/>
      <c r="B48" s="784"/>
      <c r="C48" s="227"/>
      <c r="D48" s="228"/>
      <c r="E48" s="227"/>
      <c r="F48" s="228"/>
      <c r="G48" s="228"/>
      <c r="H48" s="228"/>
      <c r="I48" s="281"/>
      <c r="J48" s="228"/>
      <c r="K48" s="228"/>
      <c r="L48" s="311"/>
      <c r="M48" s="228"/>
      <c r="N48" s="228"/>
      <c r="O48" s="228"/>
      <c r="P48" s="228"/>
      <c r="Q48" s="228"/>
      <c r="R48" s="281"/>
      <c r="S48" s="228"/>
      <c r="T48" s="228"/>
      <c r="U48" s="228"/>
      <c r="V48" s="228"/>
      <c r="W48" s="228"/>
      <c r="X48" s="228"/>
      <c r="Y48" s="281"/>
      <c r="Z48" s="228"/>
      <c r="AA48" s="228"/>
      <c r="AB48" s="228"/>
      <c r="AC48" s="228"/>
      <c r="AD48" s="228"/>
      <c r="AE48" s="228"/>
      <c r="AF48" s="317"/>
      <c r="AG48" s="228"/>
      <c r="AH48" s="318"/>
      <c r="AI48" s="224"/>
    </row>
    <row r="49" spans="1:35" ht="14.1" customHeight="1">
      <c r="A49" s="783"/>
      <c r="B49" s="784"/>
      <c r="C49" s="223" t="s">
        <v>421</v>
      </c>
      <c r="D49" s="224"/>
      <c r="E49" s="223"/>
      <c r="F49" s="224"/>
      <c r="G49" s="224"/>
      <c r="H49" s="224"/>
      <c r="I49" s="283"/>
      <c r="J49" s="224"/>
      <c r="K49" s="224"/>
      <c r="L49" s="307"/>
      <c r="M49" s="224"/>
      <c r="N49" s="224"/>
      <c r="O49" s="224"/>
      <c r="P49" s="224"/>
      <c r="Q49" s="224"/>
      <c r="R49" s="283"/>
      <c r="S49" s="224"/>
      <c r="T49" s="224"/>
      <c r="U49" s="224"/>
      <c r="V49" s="224"/>
      <c r="W49" s="224"/>
      <c r="X49" s="224"/>
      <c r="Y49" s="283"/>
      <c r="Z49" s="224"/>
      <c r="AA49" s="224"/>
      <c r="AB49" s="224"/>
      <c r="AC49" s="224"/>
      <c r="AD49" s="224"/>
      <c r="AE49" s="224"/>
      <c r="AF49" s="319"/>
      <c r="AG49" s="224"/>
      <c r="AH49" s="320"/>
      <c r="AI49" s="224"/>
    </row>
    <row r="50" spans="1:35" ht="14.1" customHeight="1">
      <c r="A50" s="783"/>
      <c r="B50" s="784"/>
      <c r="C50" s="223"/>
      <c r="D50" s="224"/>
      <c r="E50" s="223"/>
      <c r="F50" s="224"/>
      <c r="G50" s="224"/>
      <c r="H50" s="224"/>
      <c r="I50" s="283"/>
      <c r="J50" s="224"/>
      <c r="K50" s="224"/>
      <c r="L50" s="307"/>
      <c r="M50" s="224"/>
      <c r="N50" s="224"/>
      <c r="O50" s="224"/>
      <c r="P50" s="224"/>
      <c r="Q50" s="224"/>
      <c r="R50" s="283"/>
      <c r="S50" s="224"/>
      <c r="T50" s="224"/>
      <c r="U50" s="224"/>
      <c r="V50" s="224"/>
      <c r="W50" s="224"/>
      <c r="X50" s="224"/>
      <c r="Y50" s="283"/>
      <c r="Z50" s="224"/>
      <c r="AA50" s="224"/>
      <c r="AB50" s="224"/>
      <c r="AC50" s="224"/>
      <c r="AD50" s="224"/>
      <c r="AE50" s="224"/>
      <c r="AF50" s="319"/>
      <c r="AG50" s="224"/>
      <c r="AH50" s="320"/>
      <c r="AI50" s="224"/>
    </row>
    <row r="51" spans="1:35" ht="14.1" customHeight="1">
      <c r="A51" s="783"/>
      <c r="B51" s="784"/>
      <c r="C51" s="223"/>
      <c r="D51" s="224"/>
      <c r="E51" s="223"/>
      <c r="F51" s="224"/>
      <c r="G51" s="224"/>
      <c r="H51" s="224"/>
      <c r="I51" s="283"/>
      <c r="J51" s="224"/>
      <c r="K51" s="224"/>
      <c r="L51" s="307"/>
      <c r="M51" s="224"/>
      <c r="N51" s="224"/>
      <c r="O51" s="224"/>
      <c r="P51" s="224"/>
      <c r="Q51" s="224"/>
      <c r="R51" s="283"/>
      <c r="S51" s="224"/>
      <c r="T51" s="224"/>
      <c r="U51" s="224"/>
      <c r="V51" s="224"/>
      <c r="W51" s="224"/>
      <c r="X51" s="224"/>
      <c r="Y51" s="283"/>
      <c r="Z51" s="224"/>
      <c r="AA51" s="224"/>
      <c r="AB51" s="224"/>
      <c r="AC51" s="224"/>
      <c r="AD51" s="224"/>
      <c r="AE51" s="224"/>
      <c r="AF51" s="319"/>
      <c r="AG51" s="224"/>
      <c r="AH51" s="320"/>
      <c r="AI51" s="224"/>
    </row>
    <row r="52" spans="1:35" ht="14.1" customHeight="1">
      <c r="A52" s="783"/>
      <c r="B52" s="784"/>
      <c r="C52" s="329" t="s">
        <v>410</v>
      </c>
      <c r="D52" s="221"/>
      <c r="E52" s="220"/>
      <c r="F52" s="221"/>
      <c r="G52" s="221"/>
      <c r="H52" s="221"/>
      <c r="I52" s="302"/>
      <c r="J52" s="221"/>
      <c r="K52" s="221"/>
      <c r="L52" s="303"/>
      <c r="M52" s="221"/>
      <c r="N52" s="221"/>
      <c r="O52" s="221"/>
      <c r="P52" s="221"/>
      <c r="Q52" s="221"/>
      <c r="R52" s="302"/>
      <c r="S52" s="221"/>
      <c r="T52" s="221"/>
      <c r="U52" s="221"/>
      <c r="V52" s="221"/>
      <c r="W52" s="221"/>
      <c r="X52" s="221"/>
      <c r="Y52" s="302"/>
      <c r="Z52" s="221"/>
      <c r="AA52" s="221"/>
      <c r="AB52" s="221"/>
      <c r="AC52" s="221"/>
      <c r="AD52" s="221"/>
      <c r="AE52" s="221"/>
      <c r="AF52" s="315"/>
      <c r="AG52" s="221"/>
      <c r="AH52" s="316"/>
      <c r="AI52" s="224"/>
    </row>
    <row r="53" spans="1:35" ht="14.1" customHeight="1">
      <c r="A53" s="783"/>
      <c r="B53" s="784"/>
      <c r="C53" s="223"/>
      <c r="D53" s="224"/>
      <c r="E53" s="223"/>
      <c r="F53" s="224"/>
      <c r="G53" s="224"/>
      <c r="H53" s="224"/>
      <c r="I53" s="283"/>
      <c r="J53" s="224"/>
      <c r="K53" s="224"/>
      <c r="L53" s="307"/>
      <c r="M53" s="224"/>
      <c r="N53" s="224"/>
      <c r="O53" s="224"/>
      <c r="P53" s="224"/>
      <c r="Q53" s="224"/>
      <c r="R53" s="283"/>
      <c r="S53" s="224"/>
      <c r="T53" s="224"/>
      <c r="U53" s="224"/>
      <c r="V53" s="224"/>
      <c r="W53" s="224"/>
      <c r="X53" s="224"/>
      <c r="Y53" s="283"/>
      <c r="Z53" s="224"/>
      <c r="AA53" s="224"/>
      <c r="AB53" s="224"/>
      <c r="AC53" s="224"/>
      <c r="AD53" s="224"/>
      <c r="AE53" s="224"/>
      <c r="AF53" s="319"/>
      <c r="AG53" s="224"/>
      <c r="AH53" s="320"/>
      <c r="AI53" s="224"/>
    </row>
    <row r="54" spans="1:35" ht="14.1" customHeight="1">
      <c r="A54" s="783"/>
      <c r="B54" s="784"/>
      <c r="C54" s="227"/>
      <c r="D54" s="228"/>
      <c r="E54" s="227"/>
      <c r="F54" s="228"/>
      <c r="G54" s="228"/>
      <c r="H54" s="228"/>
      <c r="I54" s="281"/>
      <c r="J54" s="228"/>
      <c r="K54" s="228"/>
      <c r="L54" s="311"/>
      <c r="M54" s="228"/>
      <c r="N54" s="228"/>
      <c r="O54" s="228"/>
      <c r="P54" s="228"/>
      <c r="Q54" s="228"/>
      <c r="R54" s="281"/>
      <c r="S54" s="228"/>
      <c r="T54" s="228"/>
      <c r="U54" s="228"/>
      <c r="V54" s="228"/>
      <c r="W54" s="228"/>
      <c r="X54" s="228"/>
      <c r="Y54" s="281"/>
      <c r="Z54" s="228"/>
      <c r="AA54" s="228"/>
      <c r="AB54" s="228"/>
      <c r="AC54" s="228"/>
      <c r="AD54" s="228"/>
      <c r="AE54" s="228"/>
      <c r="AF54" s="317"/>
      <c r="AG54" s="228"/>
      <c r="AH54" s="318"/>
      <c r="AI54" s="224"/>
    </row>
    <row r="55" spans="1:35" ht="14.1" customHeight="1">
      <c r="A55" s="783"/>
      <c r="B55" s="784"/>
      <c r="C55" s="223" t="s">
        <v>411</v>
      </c>
      <c r="D55" s="224"/>
      <c r="E55" s="223"/>
      <c r="F55" s="224"/>
      <c r="G55" s="224"/>
      <c r="H55" s="224"/>
      <c r="I55" s="283"/>
      <c r="J55" s="224"/>
      <c r="K55" s="224"/>
      <c r="L55" s="307"/>
      <c r="M55" s="224"/>
      <c r="N55" s="224"/>
      <c r="O55" s="224"/>
      <c r="P55" s="224"/>
      <c r="Q55" s="224"/>
      <c r="R55" s="283"/>
      <c r="S55" s="224"/>
      <c r="T55" s="224"/>
      <c r="U55" s="224"/>
      <c r="V55" s="224"/>
      <c r="W55" s="224"/>
      <c r="X55" s="224"/>
      <c r="Y55" s="283"/>
      <c r="Z55" s="224"/>
      <c r="AA55" s="224"/>
      <c r="AB55" s="224"/>
      <c r="AC55" s="224"/>
      <c r="AD55" s="224"/>
      <c r="AE55" s="224"/>
      <c r="AF55" s="319"/>
      <c r="AG55" s="224"/>
      <c r="AH55" s="320"/>
      <c r="AI55" s="224"/>
    </row>
    <row r="56" spans="1:35" ht="14.1" customHeight="1">
      <c r="A56" s="783"/>
      <c r="B56" s="784"/>
      <c r="C56" s="223"/>
      <c r="D56" s="224"/>
      <c r="E56" s="223"/>
      <c r="F56" s="224"/>
      <c r="G56" s="224"/>
      <c r="H56" s="224"/>
      <c r="I56" s="283"/>
      <c r="J56" s="224"/>
      <c r="K56" s="224"/>
      <c r="L56" s="307"/>
      <c r="M56" s="224"/>
      <c r="N56" s="224"/>
      <c r="O56" s="224"/>
      <c r="P56" s="224"/>
      <c r="Q56" s="224"/>
      <c r="R56" s="283"/>
      <c r="S56" s="224"/>
      <c r="T56" s="224"/>
      <c r="U56" s="224"/>
      <c r="V56" s="224"/>
      <c r="W56" s="224"/>
      <c r="X56" s="224"/>
      <c r="Y56" s="283"/>
      <c r="Z56" s="224"/>
      <c r="AA56" s="224"/>
      <c r="AB56" s="224"/>
      <c r="AC56" s="224"/>
      <c r="AD56" s="224"/>
      <c r="AE56" s="224"/>
      <c r="AF56" s="319"/>
      <c r="AG56" s="224"/>
      <c r="AH56" s="320"/>
      <c r="AI56" s="224"/>
    </row>
    <row r="57" spans="1:35" ht="14.1" customHeight="1">
      <c r="A57" s="785"/>
      <c r="B57" s="786"/>
      <c r="C57" s="227"/>
      <c r="D57" s="228"/>
      <c r="E57" s="227"/>
      <c r="F57" s="228"/>
      <c r="G57" s="228"/>
      <c r="H57" s="228"/>
      <c r="I57" s="281"/>
      <c r="J57" s="228"/>
      <c r="K57" s="228"/>
      <c r="L57" s="311"/>
      <c r="M57" s="228"/>
      <c r="N57" s="228"/>
      <c r="O57" s="228"/>
      <c r="P57" s="228"/>
      <c r="Q57" s="228"/>
      <c r="R57" s="281"/>
      <c r="S57" s="228"/>
      <c r="T57" s="228"/>
      <c r="U57" s="228"/>
      <c r="V57" s="228"/>
      <c r="W57" s="228"/>
      <c r="X57" s="228"/>
      <c r="Y57" s="281"/>
      <c r="Z57" s="228"/>
      <c r="AA57" s="228"/>
      <c r="AB57" s="228"/>
      <c r="AC57" s="228"/>
      <c r="AD57" s="228"/>
      <c r="AE57" s="228"/>
      <c r="AF57" s="317"/>
      <c r="AG57" s="228"/>
      <c r="AH57" s="318"/>
      <c r="AI57" s="224"/>
    </row>
    <row r="58" spans="1:35" ht="14.1" customHeight="1">
      <c r="A58" s="222"/>
      <c r="B58" s="221"/>
      <c r="C58" s="220"/>
      <c r="D58" s="221"/>
      <c r="E58" s="220"/>
      <c r="F58" s="221"/>
      <c r="G58" s="221"/>
      <c r="H58" s="221"/>
      <c r="I58" s="302"/>
      <c r="J58" s="221"/>
      <c r="K58" s="221"/>
      <c r="L58" s="303"/>
      <c r="M58" s="221"/>
      <c r="N58" s="221"/>
      <c r="O58" s="221"/>
      <c r="P58" s="221"/>
      <c r="Q58" s="221"/>
      <c r="R58" s="302"/>
      <c r="S58" s="221"/>
      <c r="T58" s="221"/>
      <c r="U58" s="221"/>
      <c r="V58" s="221"/>
      <c r="W58" s="221"/>
      <c r="X58" s="221"/>
      <c r="Y58" s="302"/>
      <c r="Z58" s="221"/>
      <c r="AA58" s="221"/>
      <c r="AB58" s="221"/>
      <c r="AC58" s="221"/>
      <c r="AD58" s="221"/>
      <c r="AE58" s="221"/>
      <c r="AF58" s="315"/>
      <c r="AG58" s="221"/>
      <c r="AH58" s="316"/>
      <c r="AI58" s="224"/>
    </row>
    <row r="59" spans="1:35" ht="14.1" customHeight="1">
      <c r="A59" s="801" t="s">
        <v>396</v>
      </c>
      <c r="B59" s="802"/>
      <c r="C59" s="223" t="s">
        <v>391</v>
      </c>
      <c r="D59" s="224"/>
      <c r="E59" s="223" t="s">
        <v>386</v>
      </c>
      <c r="F59" s="224"/>
      <c r="G59" s="224"/>
      <c r="H59" s="224"/>
      <c r="I59" s="283"/>
      <c r="J59" s="224"/>
      <c r="K59" s="224"/>
      <c r="L59" s="307"/>
      <c r="M59" s="224"/>
      <c r="N59" s="224"/>
      <c r="O59" s="224"/>
      <c r="P59" s="224"/>
      <c r="Q59" s="224"/>
      <c r="R59" s="283"/>
      <c r="S59" s="224"/>
      <c r="T59" s="224"/>
      <c r="U59" s="224"/>
      <c r="V59" s="224"/>
      <c r="W59" s="224"/>
      <c r="X59" s="224"/>
      <c r="Y59" s="283"/>
      <c r="Z59" s="224"/>
      <c r="AA59" s="224"/>
      <c r="AB59" s="224"/>
      <c r="AC59" s="224"/>
      <c r="AD59" s="224"/>
      <c r="AE59" s="224"/>
      <c r="AF59" s="319"/>
      <c r="AG59" s="224"/>
      <c r="AH59" s="320"/>
      <c r="AI59" s="224"/>
    </row>
    <row r="60" spans="1:35" ht="14.1" customHeight="1">
      <c r="A60" s="225"/>
      <c r="B60" s="226"/>
      <c r="C60" s="227" t="s">
        <v>392</v>
      </c>
      <c r="D60" s="228"/>
      <c r="E60" s="227"/>
      <c r="F60" s="228"/>
      <c r="G60" s="228"/>
      <c r="H60" s="228"/>
      <c r="I60" s="281"/>
      <c r="J60" s="228"/>
      <c r="K60" s="228"/>
      <c r="L60" s="311"/>
      <c r="M60" s="228"/>
      <c r="N60" s="228"/>
      <c r="O60" s="228"/>
      <c r="P60" s="228"/>
      <c r="Q60" s="228"/>
      <c r="R60" s="281"/>
      <c r="S60" s="228"/>
      <c r="T60" s="228"/>
      <c r="U60" s="228"/>
      <c r="V60" s="228"/>
      <c r="W60" s="228"/>
      <c r="X60" s="228"/>
      <c r="Y60" s="281"/>
      <c r="Z60" s="228"/>
      <c r="AA60" s="228"/>
      <c r="AB60" s="228"/>
      <c r="AC60" s="228"/>
      <c r="AD60" s="228"/>
      <c r="AE60" s="228"/>
      <c r="AF60" s="317"/>
      <c r="AG60" s="228"/>
      <c r="AH60" s="318"/>
      <c r="AI60" s="224"/>
    </row>
    <row r="61" spans="1:35" ht="14.1" customHeight="1">
      <c r="A61" s="801" t="s">
        <v>397</v>
      </c>
      <c r="B61" s="802"/>
      <c r="C61" s="223"/>
      <c r="D61" s="224"/>
      <c r="E61" s="220"/>
      <c r="F61" s="221"/>
      <c r="G61" s="221"/>
      <c r="H61" s="221"/>
      <c r="I61" s="302"/>
      <c r="J61" s="221"/>
      <c r="K61" s="221"/>
      <c r="L61" s="303"/>
      <c r="M61" s="221"/>
      <c r="N61" s="221"/>
      <c r="O61" s="221"/>
      <c r="P61" s="221"/>
      <c r="Q61" s="221"/>
      <c r="R61" s="302"/>
      <c r="S61" s="221"/>
      <c r="T61" s="221"/>
      <c r="U61" s="221"/>
      <c r="V61" s="221"/>
      <c r="W61" s="221"/>
      <c r="X61" s="221"/>
      <c r="Y61" s="302"/>
      <c r="Z61" s="221"/>
      <c r="AA61" s="221"/>
      <c r="AB61" s="221"/>
      <c r="AC61" s="221"/>
      <c r="AD61" s="221"/>
      <c r="AE61" s="221"/>
      <c r="AF61" s="315"/>
      <c r="AG61" s="221"/>
      <c r="AH61" s="316"/>
      <c r="AI61" s="224"/>
    </row>
    <row r="62" spans="1:35" ht="14.1" customHeight="1">
      <c r="A62" s="225"/>
      <c r="B62" s="226"/>
      <c r="C62" s="223" t="s">
        <v>393</v>
      </c>
      <c r="D62" s="224"/>
      <c r="E62" s="223" t="s">
        <v>386</v>
      </c>
      <c r="F62" s="224"/>
      <c r="G62" s="224"/>
      <c r="H62" s="224"/>
      <c r="I62" s="283"/>
      <c r="J62" s="224"/>
      <c r="K62" s="224"/>
      <c r="L62" s="307"/>
      <c r="M62" s="224"/>
      <c r="N62" s="224"/>
      <c r="O62" s="224"/>
      <c r="P62" s="224"/>
      <c r="Q62" s="224"/>
      <c r="R62" s="283"/>
      <c r="S62" s="224"/>
      <c r="T62" s="224"/>
      <c r="U62" s="224"/>
      <c r="V62" s="224"/>
      <c r="W62" s="224"/>
      <c r="X62" s="224"/>
      <c r="Y62" s="283"/>
      <c r="Z62" s="224"/>
      <c r="AA62" s="224"/>
      <c r="AB62" s="224"/>
      <c r="AC62" s="224"/>
      <c r="AD62" s="224"/>
      <c r="AE62" s="224"/>
      <c r="AF62" s="319"/>
      <c r="AG62" s="224"/>
      <c r="AH62" s="320"/>
    </row>
    <row r="63" spans="1:35" ht="14.1" customHeight="1">
      <c r="A63" s="801" t="s">
        <v>395</v>
      </c>
      <c r="B63" s="802"/>
      <c r="C63" s="227" t="s">
        <v>392</v>
      </c>
      <c r="D63" s="228"/>
      <c r="E63" s="227"/>
      <c r="F63" s="228"/>
      <c r="G63" s="228"/>
      <c r="H63" s="228"/>
      <c r="I63" s="281"/>
      <c r="J63" s="228"/>
      <c r="K63" s="228"/>
      <c r="L63" s="311"/>
      <c r="M63" s="228"/>
      <c r="N63" s="228"/>
      <c r="O63" s="228"/>
      <c r="P63" s="228"/>
      <c r="Q63" s="228"/>
      <c r="R63" s="281"/>
      <c r="S63" s="228"/>
      <c r="T63" s="228"/>
      <c r="U63" s="228"/>
      <c r="V63" s="228"/>
      <c r="W63" s="228"/>
      <c r="X63" s="228"/>
      <c r="Y63" s="281"/>
      <c r="Z63" s="228"/>
      <c r="AA63" s="228"/>
      <c r="AB63" s="228"/>
      <c r="AC63" s="228"/>
      <c r="AD63" s="228"/>
      <c r="AE63" s="228"/>
      <c r="AF63" s="317"/>
      <c r="AG63" s="228"/>
      <c r="AH63" s="318"/>
    </row>
    <row r="64" spans="1:35" ht="14.1" customHeight="1">
      <c r="A64" s="225"/>
      <c r="B64" s="226"/>
      <c r="C64" s="223"/>
      <c r="D64" s="224"/>
      <c r="E64" s="223"/>
      <c r="F64" s="224"/>
      <c r="G64" s="224"/>
      <c r="H64" s="224"/>
      <c r="I64" s="283"/>
      <c r="J64" s="224"/>
      <c r="K64" s="224"/>
      <c r="L64" s="307"/>
      <c r="M64" s="224"/>
      <c r="N64" s="224"/>
      <c r="O64" s="224"/>
      <c r="P64" s="224"/>
      <c r="Q64" s="224"/>
      <c r="R64" s="283"/>
      <c r="S64" s="224"/>
      <c r="T64" s="224"/>
      <c r="U64" s="224"/>
      <c r="V64" s="224"/>
      <c r="W64" s="224"/>
      <c r="X64" s="224"/>
      <c r="Y64" s="283"/>
      <c r="Z64" s="224"/>
      <c r="AA64" s="224"/>
      <c r="AB64" s="224"/>
      <c r="AC64" s="224"/>
      <c r="AD64" s="224"/>
      <c r="AE64" s="224"/>
      <c r="AF64" s="319"/>
      <c r="AG64" s="224"/>
      <c r="AH64" s="320"/>
    </row>
    <row r="65" spans="1:34" ht="14.1" customHeight="1">
      <c r="A65" s="225"/>
      <c r="B65" s="226"/>
      <c r="C65" s="223" t="s">
        <v>394</v>
      </c>
      <c r="D65" s="224"/>
      <c r="E65" s="223"/>
      <c r="F65" s="224"/>
      <c r="G65" s="224"/>
      <c r="H65" s="224"/>
      <c r="I65" s="283"/>
      <c r="J65" s="224"/>
      <c r="K65" s="224"/>
      <c r="L65" s="307"/>
      <c r="M65" s="224"/>
      <c r="N65" s="224"/>
      <c r="O65" s="224"/>
      <c r="P65" s="224"/>
      <c r="Q65" s="224"/>
      <c r="R65" s="283"/>
      <c r="S65" s="224"/>
      <c r="T65" s="224"/>
      <c r="U65" s="224"/>
      <c r="V65" s="224"/>
      <c r="W65" s="224"/>
      <c r="X65" s="224"/>
      <c r="Y65" s="283"/>
      <c r="Z65" s="224"/>
      <c r="AA65" s="224"/>
      <c r="AB65" s="224"/>
      <c r="AC65" s="224"/>
      <c r="AD65" s="224"/>
      <c r="AE65" s="224"/>
      <c r="AF65" s="319"/>
      <c r="AG65" s="224"/>
      <c r="AH65" s="320"/>
    </row>
    <row r="66" spans="1:34" ht="14.1" customHeight="1">
      <c r="A66" s="225"/>
      <c r="B66" s="226"/>
      <c r="C66" s="227" t="s">
        <v>392</v>
      </c>
      <c r="D66" s="228"/>
      <c r="E66" s="223"/>
      <c r="F66" s="224"/>
      <c r="G66" s="224"/>
      <c r="H66" s="224"/>
      <c r="I66" s="283"/>
      <c r="J66" s="224"/>
      <c r="K66" s="224"/>
      <c r="L66" s="307"/>
      <c r="M66" s="224"/>
      <c r="N66" s="224"/>
      <c r="O66" s="224"/>
      <c r="P66" s="224"/>
      <c r="Q66" s="224"/>
      <c r="R66" s="283"/>
      <c r="S66" s="224"/>
      <c r="T66" s="224"/>
      <c r="U66" s="224"/>
      <c r="V66" s="224"/>
      <c r="W66" s="224"/>
      <c r="X66" s="224"/>
      <c r="Y66" s="283"/>
      <c r="Z66" s="224"/>
      <c r="AA66" s="224"/>
      <c r="AB66" s="224"/>
      <c r="AC66" s="224"/>
      <c r="AD66" s="224"/>
      <c r="AE66" s="224"/>
      <c r="AF66" s="319"/>
      <c r="AG66" s="224"/>
      <c r="AH66" s="320"/>
    </row>
    <row r="67" spans="1:34" ht="14.1" customHeight="1">
      <c r="A67" s="222"/>
      <c r="B67" s="327"/>
      <c r="C67" s="223" t="s">
        <v>422</v>
      </c>
      <c r="D67" s="224"/>
      <c r="E67" s="220" t="s">
        <v>386</v>
      </c>
      <c r="F67" s="221"/>
      <c r="G67" s="221"/>
      <c r="H67" s="221"/>
      <c r="I67" s="302"/>
      <c r="J67" s="221"/>
      <c r="K67" s="221"/>
      <c r="L67" s="303"/>
      <c r="M67" s="221"/>
      <c r="N67" s="221"/>
      <c r="O67" s="221"/>
      <c r="P67" s="221"/>
      <c r="Q67" s="221"/>
      <c r="R67" s="302"/>
      <c r="S67" s="221"/>
      <c r="T67" s="221"/>
      <c r="U67" s="221"/>
      <c r="V67" s="221"/>
      <c r="W67" s="221"/>
      <c r="X67" s="221"/>
      <c r="Y67" s="302"/>
      <c r="Z67" s="221"/>
      <c r="AA67" s="221"/>
      <c r="AB67" s="221"/>
      <c r="AC67" s="221"/>
      <c r="AD67" s="221"/>
      <c r="AE67" s="221"/>
      <c r="AF67" s="315"/>
      <c r="AG67" s="221"/>
      <c r="AH67" s="316"/>
    </row>
    <row r="68" spans="1:34" ht="14.1" customHeight="1">
      <c r="A68" s="779" t="s">
        <v>424</v>
      </c>
      <c r="B68" s="780"/>
      <c r="C68" s="223"/>
      <c r="D68" s="224"/>
      <c r="E68" s="223"/>
      <c r="F68" s="224"/>
      <c r="G68" s="224"/>
      <c r="H68" s="224"/>
      <c r="I68" s="283"/>
      <c r="J68" s="224"/>
      <c r="K68" s="224"/>
      <c r="L68" s="307"/>
      <c r="M68" s="224"/>
      <c r="N68" s="224"/>
      <c r="O68" s="224"/>
      <c r="P68" s="224"/>
      <c r="Q68" s="224"/>
      <c r="R68" s="283"/>
      <c r="S68" s="224"/>
      <c r="T68" s="224"/>
      <c r="U68" s="224"/>
      <c r="V68" s="224"/>
      <c r="W68" s="224"/>
      <c r="X68" s="224"/>
      <c r="Y68" s="283"/>
      <c r="Z68" s="224"/>
      <c r="AA68" s="224"/>
      <c r="AB68" s="224"/>
      <c r="AC68" s="224"/>
      <c r="AD68" s="224"/>
      <c r="AE68" s="224"/>
      <c r="AF68" s="319"/>
      <c r="AG68" s="224"/>
      <c r="AH68" s="320"/>
    </row>
    <row r="69" spans="1:34" ht="14.1" customHeight="1">
      <c r="A69" s="779" t="s">
        <v>425</v>
      </c>
      <c r="B69" s="780"/>
      <c r="C69" s="223" t="s">
        <v>392</v>
      </c>
      <c r="D69" s="224"/>
      <c r="E69" s="223"/>
      <c r="F69" s="224"/>
      <c r="G69" s="224"/>
      <c r="H69" s="224"/>
      <c r="I69" s="283"/>
      <c r="J69" s="224"/>
      <c r="K69" s="224"/>
      <c r="L69" s="307"/>
      <c r="M69" s="224"/>
      <c r="N69" s="224"/>
      <c r="O69" s="224"/>
      <c r="P69" s="224"/>
      <c r="Q69" s="224"/>
      <c r="R69" s="283"/>
      <c r="S69" s="224"/>
      <c r="T69" s="224"/>
      <c r="U69" s="224"/>
      <c r="V69" s="224"/>
      <c r="W69" s="224"/>
      <c r="X69" s="224"/>
      <c r="Y69" s="283"/>
      <c r="Z69" s="224"/>
      <c r="AA69" s="224"/>
      <c r="AB69" s="224"/>
      <c r="AC69" s="224"/>
      <c r="AD69" s="224"/>
      <c r="AE69" s="224"/>
      <c r="AF69" s="319"/>
      <c r="AG69" s="224"/>
      <c r="AH69" s="320"/>
    </row>
    <row r="70" spans="1:34" ht="14.1" customHeight="1">
      <c r="A70" s="779" t="s">
        <v>426</v>
      </c>
      <c r="B70" s="780"/>
      <c r="C70" s="220" t="s">
        <v>423</v>
      </c>
      <c r="D70" s="221"/>
      <c r="E70" s="220"/>
      <c r="F70" s="221"/>
      <c r="G70" s="221"/>
      <c r="H70" s="221"/>
      <c r="I70" s="302"/>
      <c r="J70" s="221"/>
      <c r="K70" s="221"/>
      <c r="L70" s="303"/>
      <c r="M70" s="221"/>
      <c r="N70" s="221"/>
      <c r="O70" s="221"/>
      <c r="P70" s="221"/>
      <c r="Q70" s="221"/>
      <c r="R70" s="302"/>
      <c r="S70" s="221"/>
      <c r="T70" s="221"/>
      <c r="U70" s="221"/>
      <c r="V70" s="221"/>
      <c r="W70" s="221"/>
      <c r="X70" s="221"/>
      <c r="Y70" s="302"/>
      <c r="Z70" s="221"/>
      <c r="AA70" s="221"/>
      <c r="AB70" s="221"/>
      <c r="AC70" s="221"/>
      <c r="AD70" s="221"/>
      <c r="AE70" s="221"/>
      <c r="AF70" s="315"/>
      <c r="AG70" s="221"/>
      <c r="AH70" s="316"/>
    </row>
    <row r="71" spans="1:34" ht="14.1" customHeight="1">
      <c r="A71" s="245"/>
      <c r="B71" s="246"/>
      <c r="C71" s="223"/>
      <c r="D71" s="224"/>
      <c r="E71" s="223"/>
      <c r="F71" s="224"/>
      <c r="G71" s="224"/>
      <c r="H71" s="224"/>
      <c r="I71" s="283"/>
      <c r="J71" s="224"/>
      <c r="K71" s="224"/>
      <c r="L71" s="307"/>
      <c r="M71" s="224"/>
      <c r="N71" s="224"/>
      <c r="O71" s="224"/>
      <c r="P71" s="224"/>
      <c r="Q71" s="224"/>
      <c r="R71" s="283"/>
      <c r="S71" s="224"/>
      <c r="T71" s="224"/>
      <c r="U71" s="224"/>
      <c r="V71" s="224"/>
      <c r="W71" s="224"/>
      <c r="X71" s="224"/>
      <c r="Y71" s="283"/>
      <c r="Z71" s="224"/>
      <c r="AA71" s="224"/>
      <c r="AB71" s="224"/>
      <c r="AC71" s="224"/>
      <c r="AD71" s="224"/>
      <c r="AE71" s="224"/>
      <c r="AF71" s="319"/>
      <c r="AG71" s="224"/>
      <c r="AH71" s="320"/>
    </row>
    <row r="72" spans="1:34" ht="14.1" customHeight="1">
      <c r="A72" s="245"/>
      <c r="B72" s="246"/>
      <c r="C72" s="223" t="s">
        <v>392</v>
      </c>
      <c r="D72" s="224"/>
      <c r="E72" s="227"/>
      <c r="F72" s="228"/>
      <c r="G72" s="228"/>
      <c r="H72" s="228"/>
      <c r="I72" s="281"/>
      <c r="J72" s="228"/>
      <c r="K72" s="228"/>
      <c r="L72" s="311"/>
      <c r="M72" s="228"/>
      <c r="N72" s="228"/>
      <c r="O72" s="228"/>
      <c r="P72" s="228"/>
      <c r="Q72" s="228"/>
      <c r="R72" s="281"/>
      <c r="S72" s="228"/>
      <c r="T72" s="228"/>
      <c r="U72" s="228"/>
      <c r="V72" s="228"/>
      <c r="W72" s="228"/>
      <c r="X72" s="228"/>
      <c r="Y72" s="281"/>
      <c r="Z72" s="228"/>
      <c r="AA72" s="228"/>
      <c r="AB72" s="228"/>
      <c r="AC72" s="228"/>
      <c r="AD72" s="228"/>
      <c r="AE72" s="228"/>
      <c r="AF72" s="317"/>
      <c r="AG72" s="228"/>
      <c r="AH72" s="318"/>
    </row>
    <row r="73" spans="1:34" ht="14.1" customHeight="1">
      <c r="A73" s="245"/>
      <c r="B73" s="246"/>
      <c r="C73" s="220"/>
      <c r="D73" s="221"/>
      <c r="E73" s="223"/>
      <c r="F73" s="224"/>
      <c r="G73" s="224"/>
      <c r="H73" s="224"/>
      <c r="I73" s="283"/>
      <c r="J73" s="224"/>
      <c r="K73" s="224"/>
      <c r="L73" s="307"/>
      <c r="M73" s="224"/>
      <c r="N73" s="224"/>
      <c r="O73" s="224"/>
      <c r="P73" s="224"/>
      <c r="Q73" s="224"/>
      <c r="R73" s="283"/>
      <c r="S73" s="224"/>
      <c r="T73" s="224"/>
      <c r="U73" s="224"/>
      <c r="V73" s="224"/>
      <c r="W73" s="224"/>
      <c r="X73" s="224"/>
      <c r="Y73" s="283"/>
      <c r="Z73" s="224"/>
      <c r="AA73" s="224"/>
      <c r="AB73" s="224"/>
      <c r="AC73" s="224"/>
      <c r="AD73" s="224"/>
      <c r="AE73" s="224"/>
      <c r="AF73" s="319"/>
      <c r="AG73" s="224"/>
      <c r="AH73" s="320"/>
    </row>
    <row r="74" spans="1:34" ht="14.1" customHeight="1">
      <c r="A74" s="245"/>
      <c r="B74" s="246"/>
      <c r="C74" s="223"/>
      <c r="D74" s="224"/>
      <c r="E74" s="223"/>
      <c r="F74" s="224"/>
      <c r="G74" s="224"/>
      <c r="H74" s="224"/>
      <c r="I74" s="283"/>
      <c r="J74" s="224"/>
      <c r="K74" s="224"/>
      <c r="L74" s="307"/>
      <c r="M74" s="224"/>
      <c r="N74" s="224"/>
      <c r="O74" s="224"/>
      <c r="P74" s="224"/>
      <c r="Q74" s="224"/>
      <c r="R74" s="283"/>
      <c r="S74" s="224"/>
      <c r="T74" s="224"/>
      <c r="U74" s="224"/>
      <c r="V74" s="224"/>
      <c r="W74" s="224"/>
      <c r="X74" s="224"/>
      <c r="Y74" s="283"/>
      <c r="Z74" s="224"/>
      <c r="AA74" s="224"/>
      <c r="AB74" s="224"/>
      <c r="AC74" s="224"/>
      <c r="AD74" s="224"/>
      <c r="AE74" s="224"/>
      <c r="AF74" s="319"/>
      <c r="AG74" s="224"/>
      <c r="AH74" s="320"/>
    </row>
    <row r="75" spans="1:34" ht="14.1" customHeight="1">
      <c r="A75" s="245"/>
      <c r="B75" s="246"/>
      <c r="C75" s="227" t="s">
        <v>392</v>
      </c>
      <c r="D75" s="228"/>
      <c r="E75" s="223"/>
      <c r="F75" s="224"/>
      <c r="G75" s="224"/>
      <c r="H75" s="224"/>
      <c r="I75" s="283"/>
      <c r="J75" s="224"/>
      <c r="K75" s="224"/>
      <c r="L75" s="307"/>
      <c r="M75" s="224"/>
      <c r="N75" s="224"/>
      <c r="O75" s="224"/>
      <c r="P75" s="224"/>
      <c r="Q75" s="224"/>
      <c r="R75" s="283"/>
      <c r="S75" s="224"/>
      <c r="T75" s="224"/>
      <c r="U75" s="224"/>
      <c r="V75" s="224"/>
      <c r="W75" s="224"/>
      <c r="X75" s="224"/>
      <c r="Y75" s="283"/>
      <c r="Z75" s="224"/>
      <c r="AA75" s="224"/>
      <c r="AB75" s="224"/>
      <c r="AC75" s="224"/>
      <c r="AD75" s="224"/>
      <c r="AE75" s="224"/>
      <c r="AF75" s="319"/>
      <c r="AG75" s="224"/>
      <c r="AH75" s="320"/>
    </row>
    <row r="76" spans="1:34" ht="14.1" customHeight="1">
      <c r="A76" s="779"/>
      <c r="B76" s="780"/>
      <c r="C76" s="220"/>
      <c r="D76" s="221"/>
      <c r="E76" s="220"/>
      <c r="F76" s="221"/>
      <c r="G76" s="221"/>
      <c r="H76" s="221"/>
      <c r="I76" s="302"/>
      <c r="J76" s="221"/>
      <c r="K76" s="221"/>
      <c r="L76" s="303"/>
      <c r="M76" s="221"/>
      <c r="N76" s="221"/>
      <c r="O76" s="221"/>
      <c r="P76" s="221"/>
      <c r="Q76" s="221"/>
      <c r="R76" s="302"/>
      <c r="S76" s="221"/>
      <c r="T76" s="221"/>
      <c r="U76" s="221"/>
      <c r="V76" s="221"/>
      <c r="W76" s="221"/>
      <c r="X76" s="221"/>
      <c r="Y76" s="302"/>
      <c r="Z76" s="221"/>
      <c r="AA76" s="221"/>
      <c r="AB76" s="221"/>
      <c r="AC76" s="221"/>
      <c r="AD76" s="221"/>
      <c r="AE76" s="221"/>
      <c r="AF76" s="315"/>
      <c r="AG76" s="221"/>
      <c r="AH76" s="316"/>
    </row>
    <row r="77" spans="1:34" ht="14.1" customHeight="1">
      <c r="A77" s="779"/>
      <c r="B77" s="780"/>
      <c r="C77" s="223"/>
      <c r="D77" s="224"/>
      <c r="E77" s="223"/>
      <c r="F77" s="224"/>
      <c r="G77" s="224"/>
      <c r="H77" s="224"/>
      <c r="I77" s="283"/>
      <c r="J77" s="224"/>
      <c r="K77" s="224"/>
      <c r="L77" s="307"/>
      <c r="M77" s="224"/>
      <c r="N77" s="224"/>
      <c r="O77" s="224"/>
      <c r="P77" s="224"/>
      <c r="Q77" s="224"/>
      <c r="R77" s="283"/>
      <c r="S77" s="224"/>
      <c r="T77" s="224"/>
      <c r="U77" s="224"/>
      <c r="V77" s="224"/>
      <c r="W77" s="224"/>
      <c r="X77" s="224"/>
      <c r="Y77" s="283"/>
      <c r="Z77" s="224"/>
      <c r="AA77" s="224"/>
      <c r="AB77" s="224"/>
      <c r="AC77" s="224"/>
      <c r="AD77" s="224"/>
      <c r="AE77" s="224"/>
      <c r="AF77" s="319"/>
      <c r="AG77" s="224"/>
      <c r="AH77" s="320"/>
    </row>
    <row r="78" spans="1:34" ht="14.1" customHeight="1">
      <c r="A78" s="777"/>
      <c r="B78" s="778"/>
      <c r="C78" s="227"/>
      <c r="D78" s="228"/>
      <c r="E78" s="227"/>
      <c r="F78" s="228"/>
      <c r="G78" s="228"/>
      <c r="H78" s="228"/>
      <c r="I78" s="281"/>
      <c r="J78" s="228"/>
      <c r="K78" s="228"/>
      <c r="L78" s="311"/>
      <c r="M78" s="228"/>
      <c r="N78" s="228"/>
      <c r="O78" s="228"/>
      <c r="P78" s="228"/>
      <c r="Q78" s="228"/>
      <c r="R78" s="281"/>
      <c r="S78" s="228"/>
      <c r="T78" s="228"/>
      <c r="U78" s="228"/>
      <c r="V78" s="228"/>
      <c r="W78" s="228"/>
      <c r="X78" s="228"/>
      <c r="Y78" s="281"/>
      <c r="Z78" s="228"/>
      <c r="AA78" s="228"/>
      <c r="AB78" s="228"/>
      <c r="AC78" s="228"/>
      <c r="AD78" s="228"/>
      <c r="AE78" s="228"/>
      <c r="AF78" s="317"/>
      <c r="AG78" s="228"/>
      <c r="AH78" s="318"/>
    </row>
    <row r="79" spans="1:34" ht="6" customHeight="1">
      <c r="E79" s="224"/>
      <c r="F79" s="224"/>
      <c r="G79" s="224"/>
      <c r="H79" s="224"/>
      <c r="I79" s="224"/>
      <c r="J79" s="224"/>
      <c r="K79" s="224"/>
      <c r="L79" s="324"/>
      <c r="M79" s="224"/>
      <c r="N79" s="224"/>
      <c r="R79" s="283"/>
      <c r="AF79" s="224"/>
      <c r="AG79" s="224"/>
      <c r="AH79" s="224"/>
    </row>
    <row r="80" spans="1:34" ht="5.45" customHeight="1"/>
    <row r="81" spans="1:14">
      <c r="A81" s="218" t="s">
        <v>403</v>
      </c>
    </row>
    <row r="82" spans="1:14">
      <c r="A82" s="218" t="s">
        <v>404</v>
      </c>
    </row>
    <row r="83" spans="1:14">
      <c r="A83" s="218" t="s">
        <v>405</v>
      </c>
    </row>
    <row r="84" spans="1:14">
      <c r="A84" s="218" t="s">
        <v>430</v>
      </c>
    </row>
    <row r="85" spans="1:14">
      <c r="A85" s="218" t="s">
        <v>431</v>
      </c>
    </row>
    <row r="86" spans="1:14">
      <c r="A86" s="218" t="s">
        <v>429</v>
      </c>
    </row>
    <row r="87" spans="1:14">
      <c r="A87" s="218" t="s">
        <v>432</v>
      </c>
    </row>
    <row r="88" spans="1:14">
      <c r="A88" s="218" t="s">
        <v>433</v>
      </c>
      <c r="N88" s="325"/>
    </row>
  </sheetData>
  <mergeCells count="16">
    <mergeCell ref="A78:B78"/>
    <mergeCell ref="A77:B77"/>
    <mergeCell ref="A37:B45"/>
    <mergeCell ref="A46:B57"/>
    <mergeCell ref="A59:B59"/>
    <mergeCell ref="A61:B61"/>
    <mergeCell ref="A63:B63"/>
    <mergeCell ref="A68:B68"/>
    <mergeCell ref="A69:B69"/>
    <mergeCell ref="A70:B70"/>
    <mergeCell ref="A76:B76"/>
    <mergeCell ref="A15:B36"/>
    <mergeCell ref="A4:D4"/>
    <mergeCell ref="A6:D6"/>
    <mergeCell ref="A8:D8"/>
    <mergeCell ref="A9:D9"/>
  </mergeCells>
  <phoneticPr fontId="1"/>
  <pageMargins left="0.70866141732283472" right="0.70866141732283472" top="0.74803149606299213" bottom="0.74803149606299213" header="0.31496062992125984" footer="0.31496062992125984"/>
  <pageSetup paperSize="9" scale="60" orientation="landscape" r:id="rId1"/>
  <headerFooter>
    <oddFooter>&amp;P / &amp;N ページ</oddFooter>
  </headerFooter>
  <rowBreaks count="1" manualBreakCount="1">
    <brk id="57"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5</vt:i4>
      </vt:variant>
    </vt:vector>
  </HeadingPairs>
  <TitlesOfParts>
    <vt:vector size="13" baseType="lpstr">
      <vt:lpstr>調書（１）</vt:lpstr>
      <vt:lpstr>調書（２）(保育所利用者関係)</vt:lpstr>
      <vt:lpstr>保育関係（利用者処遇）</vt:lpstr>
      <vt:lpstr>クラス編成</vt:lpstr>
      <vt:lpstr>職員の状況</vt:lpstr>
      <vt:lpstr>職員の勤務形態（平日）</vt:lpstr>
      <vt:lpstr>職員の勤務形態（土曜日）</vt:lpstr>
      <vt:lpstr>職員の勤務形態（記載例）</vt:lpstr>
      <vt:lpstr>'調書（１）'!Print_Area</vt:lpstr>
      <vt:lpstr>'調書（２）(保育所利用者関係)'!Print_Area</vt:lpstr>
      <vt:lpstr>'職員の勤務形態（記載例）'!Print_Titles</vt:lpstr>
      <vt:lpstr>'職員の勤務形態（土曜日）'!Print_Titles</vt:lpstr>
      <vt:lpstr>'職員の勤務形態（平日）'!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頼住 一郎</dc:creator>
  <cp:lastModifiedBy>user</cp:lastModifiedBy>
  <cp:lastPrinted>2024-02-09T12:58:24Z</cp:lastPrinted>
  <dcterms:created xsi:type="dcterms:W3CDTF">2021-07-06T07:58:55Z</dcterms:created>
  <dcterms:modified xsi:type="dcterms:W3CDTF">2024-02-09T13:03:49Z</dcterms:modified>
</cp:coreProperties>
</file>